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ppt/tags/tag31.xml" ContentType="application/vnd.openxmlformats-officedocument.presentationml.tags+xml"/>
  <Override PartName="/ppt/notesSlides/notesSlide30.xml" ContentType="application/vnd.openxmlformats-officedocument.presentationml.notesSlide+xml"/>
  <Override PartName="/ppt/tags/tag32.xml" ContentType="application/vnd.openxmlformats-officedocument.presentationml.tags+xml"/>
  <Override PartName="/ppt/notesSlides/notesSlide31.xml" ContentType="application/vnd.openxmlformats-officedocument.presentationml.notesSlide+xml"/>
  <Override PartName="/ppt/tags/tag33.xml" ContentType="application/vnd.openxmlformats-officedocument.presentationml.tags+xml"/>
  <Override PartName="/ppt/notesSlides/notesSlide32.xml" ContentType="application/vnd.openxmlformats-officedocument.presentationml.notesSlide+xml"/>
  <Override PartName="/ppt/tags/tag34.xml" ContentType="application/vnd.openxmlformats-officedocument.presentationml.tags+xml"/>
  <Override PartName="/ppt/notesSlides/notesSlide33.xml" ContentType="application/vnd.openxmlformats-officedocument.presentationml.notesSlide+xml"/>
  <Override PartName="/ppt/tags/tag35.xml" ContentType="application/vnd.openxmlformats-officedocument.presentationml.tags+xml"/>
  <Override PartName="/ppt/notesSlides/notesSlide3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9"/>
  </p:notesMasterIdLst>
  <p:handoutMasterIdLst>
    <p:handoutMasterId r:id="rId40"/>
  </p:handoutMasterIdLst>
  <p:sldIdLst>
    <p:sldId id="261" r:id="rId2"/>
    <p:sldId id="262" r:id="rId3"/>
    <p:sldId id="293" r:id="rId4"/>
    <p:sldId id="294" r:id="rId5"/>
    <p:sldId id="301" r:id="rId6"/>
    <p:sldId id="270" r:id="rId7"/>
    <p:sldId id="304" r:id="rId8"/>
    <p:sldId id="271" r:id="rId9"/>
    <p:sldId id="273" r:id="rId10"/>
    <p:sldId id="310" r:id="rId11"/>
    <p:sldId id="274" r:id="rId12"/>
    <p:sldId id="275" r:id="rId13"/>
    <p:sldId id="312" r:id="rId14"/>
    <p:sldId id="313" r:id="rId15"/>
    <p:sldId id="276" r:id="rId16"/>
    <p:sldId id="316" r:id="rId17"/>
    <p:sldId id="302" r:id="rId18"/>
    <p:sldId id="278" r:id="rId19"/>
    <p:sldId id="315" r:id="rId20"/>
    <p:sldId id="279" r:id="rId21"/>
    <p:sldId id="303" r:id="rId22"/>
    <p:sldId id="314" r:id="rId23"/>
    <p:sldId id="317" r:id="rId24"/>
    <p:sldId id="319" r:id="rId25"/>
    <p:sldId id="320" r:id="rId26"/>
    <p:sldId id="318" r:id="rId27"/>
    <p:sldId id="287" r:id="rId28"/>
    <p:sldId id="288" r:id="rId29"/>
    <p:sldId id="299" r:id="rId30"/>
    <p:sldId id="300" r:id="rId31"/>
    <p:sldId id="308" r:id="rId32"/>
    <p:sldId id="309" r:id="rId33"/>
    <p:sldId id="289" r:id="rId34"/>
    <p:sldId id="290" r:id="rId35"/>
    <p:sldId id="291" r:id="rId36"/>
    <p:sldId id="298" r:id="rId37"/>
    <p:sldId id="260" r:id="rId38"/>
  </p:sldIdLst>
  <p:sldSz cx="12188825" cy="6858000"/>
  <p:notesSz cx="6797675" cy="9926638"/>
  <p:embeddedFontLst>
    <p:embeddedFont>
      <p:font typeface="AU Passata" panose="020B0503030502030804" pitchFamily="34" charset="77"/>
      <p:regular r:id="rId41"/>
      <p:bold r:id="rId42"/>
    </p:embeddedFont>
    <p:embeddedFont>
      <p:font typeface="AU Passata Light" panose="020B0303030902030804" pitchFamily="34" charset="77"/>
      <p:regular r:id="rId43"/>
      <p:bold r:id="rId44"/>
    </p:embeddedFont>
    <p:embeddedFont>
      <p:font typeface="AU Peto" pitchFamily="82" charset="77"/>
      <p:regular r:id="rId45"/>
      <p:bold r:id="rId46"/>
    </p:embeddedFont>
    <p:embeddedFont>
      <p:font typeface="Calibri" panose="020F0502020204030204" pitchFamily="34" charset="0"/>
      <p:regular r:id="rId47"/>
      <p:bold r:id="rId48"/>
      <p:italic r:id="rId49"/>
      <p:boldItalic r:id="rId50"/>
    </p:embeddedFont>
    <p:embeddedFont>
      <p:font typeface="Cambria Math" panose="02040503050406030204" pitchFamily="18" charset="0"/>
      <p:regular r:id="rId51"/>
    </p:embeddedFont>
    <p:embeddedFont>
      <p:font typeface="Georgia" panose="02040502050405020303" pitchFamily="18" charset="0"/>
      <p:regular r:id="rId52"/>
      <p:bold r:id="rId53"/>
      <p:italic r:id="rId54"/>
      <p:boldItalic r:id="rId55"/>
    </p:embeddedFont>
    <p:embeddedFont>
      <p:font typeface="Trebuchet MS" panose="020B0703020202090204" pitchFamily="34" charset="0"/>
      <p:regular r:id="rId56"/>
      <p:bold r:id="rId57"/>
      <p:italic r:id="rId58"/>
    </p:embeddedFont>
    <p:embeddedFont>
      <p:font typeface="Wingdings 3" pitchFamily="2" charset="2"/>
      <p:regular r:id="rId5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B050"/>
    <a:srgbClr val="FFFF00"/>
    <a:srgbClr val="30B0EC"/>
    <a:srgbClr val="7030A0"/>
    <a:srgbClr val="183D83"/>
    <a:srgbClr val="FFFFFF"/>
    <a:srgbClr val="00FA00"/>
    <a:srgbClr val="FFA502"/>
    <a:srgbClr val="A034F0"/>
    <a:srgbClr val="FFFB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6829" autoAdjust="0"/>
    <p:restoredTop sz="96296" autoAdjust="0"/>
  </p:normalViewPr>
  <p:slideViewPr>
    <p:cSldViewPr snapToObjects="1" showGuides="1">
      <p:cViewPr varScale="1">
        <p:scale>
          <a:sx n="123" d="100"/>
          <a:sy n="123" d="100"/>
        </p:scale>
        <p:origin x="568" y="17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notesMaster" Target="notesMasters/notesMaster1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2.fntdata"/><Relationship Id="rId47" Type="http://schemas.openxmlformats.org/officeDocument/2006/relationships/font" Target="fonts/font7.fntdata"/><Relationship Id="rId50" Type="http://schemas.openxmlformats.org/officeDocument/2006/relationships/font" Target="fonts/font10.fntdata"/><Relationship Id="rId55" Type="http://schemas.openxmlformats.org/officeDocument/2006/relationships/font" Target="fonts/font15.fntdata"/><Relationship Id="rId63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handoutMaster" Target="handoutMasters/handoutMaster1.xml"/><Relationship Id="rId45" Type="http://schemas.openxmlformats.org/officeDocument/2006/relationships/font" Target="fonts/font5.fntdata"/><Relationship Id="rId53" Type="http://schemas.openxmlformats.org/officeDocument/2006/relationships/font" Target="fonts/font13.fntdata"/><Relationship Id="rId58" Type="http://schemas.openxmlformats.org/officeDocument/2006/relationships/font" Target="fonts/font18.fntdata"/><Relationship Id="rId5" Type="http://schemas.openxmlformats.org/officeDocument/2006/relationships/slide" Target="slides/slide4.xml"/><Relationship Id="rId61" Type="http://schemas.openxmlformats.org/officeDocument/2006/relationships/viewProps" Target="viewProps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3.fntdata"/><Relationship Id="rId48" Type="http://schemas.openxmlformats.org/officeDocument/2006/relationships/font" Target="fonts/font8.fntdata"/><Relationship Id="rId56" Type="http://schemas.openxmlformats.org/officeDocument/2006/relationships/font" Target="fonts/font16.fntdata"/><Relationship Id="rId8" Type="http://schemas.openxmlformats.org/officeDocument/2006/relationships/slide" Target="slides/slide7.xml"/><Relationship Id="rId51" Type="http://schemas.openxmlformats.org/officeDocument/2006/relationships/font" Target="fonts/font11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6.fntdata"/><Relationship Id="rId59" Type="http://schemas.openxmlformats.org/officeDocument/2006/relationships/font" Target="fonts/font19.fntdata"/><Relationship Id="rId20" Type="http://schemas.openxmlformats.org/officeDocument/2006/relationships/slide" Target="slides/slide19.xml"/><Relationship Id="rId41" Type="http://schemas.openxmlformats.org/officeDocument/2006/relationships/font" Target="fonts/font1.fntdata"/><Relationship Id="rId54" Type="http://schemas.openxmlformats.org/officeDocument/2006/relationships/font" Target="fonts/font14.fntdata"/><Relationship Id="rId62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9.fntdata"/><Relationship Id="rId57" Type="http://schemas.openxmlformats.org/officeDocument/2006/relationships/font" Target="fonts/font17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font" Target="fonts/font4.fntdata"/><Relationship Id="rId52" Type="http://schemas.openxmlformats.org/officeDocument/2006/relationships/font" Target="fonts/font12.fntdata"/><Relationship Id="rId6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936056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421190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758306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4860456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327141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808492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7011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133462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9298245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8396413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89383062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544938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05504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8 April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8 April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LSMC</a:t>
            </a: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Relationship Id="rId9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43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7.png"/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4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png"/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4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4.svg"/><Relationship Id="rId11" Type="http://schemas.openxmlformats.org/officeDocument/2006/relationships/image" Target="../media/image52.png"/><Relationship Id="rId5" Type="http://schemas.openxmlformats.org/officeDocument/2006/relationships/image" Target="../media/image23.png"/><Relationship Id="rId10" Type="http://schemas.openxmlformats.org/officeDocument/2006/relationships/image" Target="../media/image51.png"/><Relationship Id="rId4" Type="http://schemas.openxmlformats.org/officeDocument/2006/relationships/image" Target="../media/image39.png"/><Relationship Id="rId9" Type="http://schemas.openxmlformats.org/officeDocument/2006/relationships/image" Target="../media/image5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5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4" Type="http://schemas.openxmlformats.org/officeDocument/2006/relationships/image" Target="../media/image54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5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5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4" Type="http://schemas.openxmlformats.org/officeDocument/2006/relationships/image" Target="../media/image56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13" Type="http://schemas.openxmlformats.org/officeDocument/2006/relationships/image" Target="../media/image66.png"/><Relationship Id="rId18" Type="http://schemas.openxmlformats.org/officeDocument/2006/relationships/image" Target="../media/image69.png"/><Relationship Id="rId26" Type="http://schemas.openxmlformats.org/officeDocument/2006/relationships/image" Target="../media/image77.png"/><Relationship Id="rId3" Type="http://schemas.openxmlformats.org/officeDocument/2006/relationships/notesSlide" Target="../notesSlides/notesSlide22.xml"/><Relationship Id="rId21" Type="http://schemas.openxmlformats.org/officeDocument/2006/relationships/image" Target="../media/image72.png"/><Relationship Id="rId7" Type="http://schemas.openxmlformats.org/officeDocument/2006/relationships/image" Target="../media/image60.png"/><Relationship Id="rId12" Type="http://schemas.openxmlformats.org/officeDocument/2006/relationships/image" Target="../media/image65.png"/><Relationship Id="rId17" Type="http://schemas.openxmlformats.org/officeDocument/2006/relationships/image" Target="../media/image68.png"/><Relationship Id="rId25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3.xml"/><Relationship Id="rId6" Type="http://schemas.openxmlformats.org/officeDocument/2006/relationships/image" Target="../media/image59.svg"/><Relationship Id="rId11" Type="http://schemas.openxmlformats.org/officeDocument/2006/relationships/image" Target="../media/image64.png"/><Relationship Id="rId24" Type="http://schemas.openxmlformats.org/officeDocument/2006/relationships/image" Target="../media/image75.png"/><Relationship Id="rId5" Type="http://schemas.openxmlformats.org/officeDocument/2006/relationships/image" Target="../media/image58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63.png"/><Relationship Id="rId19" Type="http://schemas.openxmlformats.org/officeDocument/2006/relationships/image" Target="../media/image70.png"/><Relationship Id="rId4" Type="http://schemas.openxmlformats.org/officeDocument/2006/relationships/image" Target="../media/image57.png"/><Relationship Id="rId9" Type="http://schemas.openxmlformats.org/officeDocument/2006/relationships/image" Target="../media/image62.png"/><Relationship Id="rId14" Type="http://schemas.openxmlformats.org/officeDocument/2006/relationships/image" Target="../media/image67.svg"/><Relationship Id="rId22" Type="http://schemas.openxmlformats.org/officeDocument/2006/relationships/image" Target="../media/image73.pn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13" Type="http://schemas.openxmlformats.org/officeDocument/2006/relationships/image" Target="../media/image66.png"/><Relationship Id="rId18" Type="http://schemas.openxmlformats.org/officeDocument/2006/relationships/image" Target="../media/image69.png"/><Relationship Id="rId26" Type="http://schemas.openxmlformats.org/officeDocument/2006/relationships/image" Target="../media/image77.png"/><Relationship Id="rId3" Type="http://schemas.openxmlformats.org/officeDocument/2006/relationships/notesSlide" Target="../notesSlides/notesSlide23.xml"/><Relationship Id="rId21" Type="http://schemas.openxmlformats.org/officeDocument/2006/relationships/image" Target="../media/image72.png"/><Relationship Id="rId7" Type="http://schemas.openxmlformats.org/officeDocument/2006/relationships/image" Target="../media/image60.png"/><Relationship Id="rId12" Type="http://schemas.openxmlformats.org/officeDocument/2006/relationships/image" Target="../media/image65.png"/><Relationship Id="rId17" Type="http://schemas.openxmlformats.org/officeDocument/2006/relationships/image" Target="../media/image68.png"/><Relationship Id="rId25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4.xml"/><Relationship Id="rId6" Type="http://schemas.openxmlformats.org/officeDocument/2006/relationships/image" Target="../media/image59.svg"/><Relationship Id="rId11" Type="http://schemas.openxmlformats.org/officeDocument/2006/relationships/image" Target="../media/image64.png"/><Relationship Id="rId24" Type="http://schemas.openxmlformats.org/officeDocument/2006/relationships/image" Target="../media/image75.png"/><Relationship Id="rId5" Type="http://schemas.openxmlformats.org/officeDocument/2006/relationships/image" Target="../media/image58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63.png"/><Relationship Id="rId19" Type="http://schemas.openxmlformats.org/officeDocument/2006/relationships/image" Target="../media/image70.png"/><Relationship Id="rId4" Type="http://schemas.openxmlformats.org/officeDocument/2006/relationships/image" Target="../media/image57.png"/><Relationship Id="rId9" Type="http://schemas.openxmlformats.org/officeDocument/2006/relationships/image" Target="../media/image62.png"/><Relationship Id="rId14" Type="http://schemas.openxmlformats.org/officeDocument/2006/relationships/image" Target="../media/image67.svg"/><Relationship Id="rId22" Type="http://schemas.openxmlformats.org/officeDocument/2006/relationships/image" Target="../media/image73.png"/><Relationship Id="rId27" Type="http://schemas.openxmlformats.org/officeDocument/2006/relationships/image" Target="../media/image78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13" Type="http://schemas.openxmlformats.org/officeDocument/2006/relationships/image" Target="../media/image66.png"/><Relationship Id="rId18" Type="http://schemas.openxmlformats.org/officeDocument/2006/relationships/image" Target="../media/image69.png"/><Relationship Id="rId26" Type="http://schemas.openxmlformats.org/officeDocument/2006/relationships/image" Target="../media/image77.png"/><Relationship Id="rId3" Type="http://schemas.openxmlformats.org/officeDocument/2006/relationships/notesSlide" Target="../notesSlides/notesSlide24.xml"/><Relationship Id="rId21" Type="http://schemas.openxmlformats.org/officeDocument/2006/relationships/image" Target="../media/image72.png"/><Relationship Id="rId7" Type="http://schemas.openxmlformats.org/officeDocument/2006/relationships/image" Target="../media/image60.png"/><Relationship Id="rId12" Type="http://schemas.openxmlformats.org/officeDocument/2006/relationships/image" Target="../media/image65.png"/><Relationship Id="rId17" Type="http://schemas.openxmlformats.org/officeDocument/2006/relationships/image" Target="../media/image68.png"/><Relationship Id="rId25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5.xml"/><Relationship Id="rId6" Type="http://schemas.openxmlformats.org/officeDocument/2006/relationships/image" Target="../media/image59.svg"/><Relationship Id="rId11" Type="http://schemas.openxmlformats.org/officeDocument/2006/relationships/image" Target="../media/image64.png"/><Relationship Id="rId24" Type="http://schemas.openxmlformats.org/officeDocument/2006/relationships/image" Target="../media/image75.png"/><Relationship Id="rId5" Type="http://schemas.openxmlformats.org/officeDocument/2006/relationships/image" Target="../media/image58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63.png"/><Relationship Id="rId19" Type="http://schemas.openxmlformats.org/officeDocument/2006/relationships/image" Target="../media/image70.png"/><Relationship Id="rId4" Type="http://schemas.openxmlformats.org/officeDocument/2006/relationships/image" Target="../media/image57.png"/><Relationship Id="rId9" Type="http://schemas.openxmlformats.org/officeDocument/2006/relationships/image" Target="../media/image62.png"/><Relationship Id="rId14" Type="http://schemas.openxmlformats.org/officeDocument/2006/relationships/image" Target="../media/image67.svg"/><Relationship Id="rId22" Type="http://schemas.openxmlformats.org/officeDocument/2006/relationships/image" Target="../media/image73.png"/><Relationship Id="rId27" Type="http://schemas.openxmlformats.org/officeDocument/2006/relationships/image" Target="../media/image79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13" Type="http://schemas.openxmlformats.org/officeDocument/2006/relationships/image" Target="../media/image66.png"/><Relationship Id="rId18" Type="http://schemas.openxmlformats.org/officeDocument/2006/relationships/image" Target="../media/image69.png"/><Relationship Id="rId26" Type="http://schemas.openxmlformats.org/officeDocument/2006/relationships/image" Target="../media/image77.png"/><Relationship Id="rId3" Type="http://schemas.openxmlformats.org/officeDocument/2006/relationships/notesSlide" Target="../notesSlides/notesSlide25.xml"/><Relationship Id="rId21" Type="http://schemas.openxmlformats.org/officeDocument/2006/relationships/image" Target="../media/image72.png"/><Relationship Id="rId7" Type="http://schemas.openxmlformats.org/officeDocument/2006/relationships/image" Target="../media/image60.png"/><Relationship Id="rId12" Type="http://schemas.openxmlformats.org/officeDocument/2006/relationships/image" Target="../media/image65.png"/><Relationship Id="rId17" Type="http://schemas.openxmlformats.org/officeDocument/2006/relationships/image" Target="../media/image68.png"/><Relationship Id="rId25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6.xml"/><Relationship Id="rId6" Type="http://schemas.openxmlformats.org/officeDocument/2006/relationships/image" Target="../media/image59.svg"/><Relationship Id="rId11" Type="http://schemas.openxmlformats.org/officeDocument/2006/relationships/image" Target="../media/image64.png"/><Relationship Id="rId24" Type="http://schemas.openxmlformats.org/officeDocument/2006/relationships/image" Target="../media/image75.png"/><Relationship Id="rId5" Type="http://schemas.openxmlformats.org/officeDocument/2006/relationships/image" Target="../media/image58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28" Type="http://schemas.openxmlformats.org/officeDocument/2006/relationships/image" Target="../media/image80.png"/><Relationship Id="rId10" Type="http://schemas.openxmlformats.org/officeDocument/2006/relationships/image" Target="../media/image63.png"/><Relationship Id="rId19" Type="http://schemas.openxmlformats.org/officeDocument/2006/relationships/image" Target="../media/image70.png"/><Relationship Id="rId4" Type="http://schemas.openxmlformats.org/officeDocument/2006/relationships/image" Target="../media/image57.png"/><Relationship Id="rId9" Type="http://schemas.openxmlformats.org/officeDocument/2006/relationships/image" Target="../media/image62.png"/><Relationship Id="rId14" Type="http://schemas.openxmlformats.org/officeDocument/2006/relationships/image" Target="../media/image67.svg"/><Relationship Id="rId22" Type="http://schemas.openxmlformats.org/officeDocument/2006/relationships/image" Target="../media/image73.png"/><Relationship Id="rId27" Type="http://schemas.openxmlformats.org/officeDocument/2006/relationships/image" Target="../media/image79.png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26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82.png"/><Relationship Id="rId1" Type="http://schemas.openxmlformats.org/officeDocument/2006/relationships/tags" Target="../tags/tag27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81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4" Type="http://schemas.openxmlformats.org/officeDocument/2006/relationships/image" Target="../media/image83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5" Type="http://schemas.openxmlformats.org/officeDocument/2006/relationships/image" Target="../media/image800.png"/><Relationship Id="rId4" Type="http://schemas.openxmlformats.org/officeDocument/2006/relationships/image" Target="../media/image83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5" Type="http://schemas.openxmlformats.org/officeDocument/2006/relationships/image" Target="../media/image810.png"/><Relationship Id="rId4" Type="http://schemas.openxmlformats.org/officeDocument/2006/relationships/image" Target="../media/image83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image" Target="../media/image84.png"/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30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67.svg"/><Relationship Id="rId10" Type="http://schemas.openxmlformats.org/officeDocument/2006/relationships/image" Target="../media/image33.png"/><Relationship Id="rId4" Type="http://schemas.openxmlformats.org/officeDocument/2006/relationships/image" Target="../media/image66.png"/><Relationship Id="rId9" Type="http://schemas.openxmlformats.org/officeDocument/2006/relationships/image" Target="../media/image32.svg"/></Relationships>
</file>

<file path=ppt/slides/_rels/slide3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31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67.svg"/><Relationship Id="rId10" Type="http://schemas.openxmlformats.org/officeDocument/2006/relationships/image" Target="../media/image33.png"/><Relationship Id="rId4" Type="http://schemas.openxmlformats.org/officeDocument/2006/relationships/image" Target="../media/image66.png"/><Relationship Id="rId9" Type="http://schemas.openxmlformats.org/officeDocument/2006/relationships/image" Target="../media/image32.svg"/></Relationships>
</file>

<file path=ppt/slides/_rels/slide3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32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67.svg"/><Relationship Id="rId10" Type="http://schemas.openxmlformats.org/officeDocument/2006/relationships/image" Target="../media/image33.png"/><Relationship Id="rId4" Type="http://schemas.openxmlformats.org/officeDocument/2006/relationships/image" Target="../media/image66.png"/><Relationship Id="rId9" Type="http://schemas.openxmlformats.org/officeDocument/2006/relationships/image" Target="../media/image32.sv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4.xml"/><Relationship Id="rId6" Type="http://schemas.openxmlformats.org/officeDocument/2006/relationships/image" Target="../media/image89.jpeg"/><Relationship Id="rId5" Type="http://schemas.openxmlformats.org/officeDocument/2006/relationships/image" Target="../media/image88.png"/><Relationship Id="rId4" Type="http://schemas.openxmlformats.org/officeDocument/2006/relationships/image" Target="../media/image87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4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14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8.svg"/><Relationship Id="rId12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5" Type="http://schemas.openxmlformats.org/officeDocument/2006/relationships/image" Target="../media/image26.svg"/><Relationship Id="rId4" Type="http://schemas.openxmlformats.org/officeDocument/2006/relationships/image" Target="../media/image25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13" Type="http://schemas.openxmlformats.org/officeDocument/2006/relationships/image" Target="../media/image35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30.svg"/><Relationship Id="rId12" Type="http://schemas.openxmlformats.org/officeDocument/2006/relationships/image" Target="../media/image27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0.png"/><Relationship Id="rId1" Type="http://schemas.openxmlformats.org/officeDocument/2006/relationships/tags" Target="../tags/tag8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5" Type="http://schemas.openxmlformats.org/officeDocument/2006/relationships/image" Target="../media/image37.pn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Relationship Id="rId14" Type="http://schemas.openxmlformats.org/officeDocument/2006/relationships/image" Target="../media/image3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39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grpSp>
        <p:nvGrpSpPr>
          <p:cNvPr id="16" name="Group 15">
            <a:extLst>
              <a:ext uri="{FF2B5EF4-FFF2-40B4-BE49-F238E27FC236}">
                <a16:creationId xmlns:a16="http://schemas.microsoft.com/office/drawing/2014/main" id="{C5C05EC0-DECE-C3AB-0E4B-F22F83EE100F}"/>
              </a:ext>
            </a:extLst>
          </p:cNvPr>
          <p:cNvGrpSpPr/>
          <p:nvPr/>
        </p:nvGrpSpPr>
        <p:grpSpPr>
          <a:xfrm rot="10800000">
            <a:off x="1064816" y="3000655"/>
            <a:ext cx="2224569" cy="957553"/>
            <a:chOff x="1064816" y="3000655"/>
            <a:chExt cx="2224569" cy="957553"/>
          </a:xfrm>
        </p:grpSpPr>
        <p:sp>
          <p:nvSpPr>
            <p:cNvPr id="17" name="Arc 16">
              <a:extLst>
                <a:ext uri="{FF2B5EF4-FFF2-40B4-BE49-F238E27FC236}">
                  <a16:creationId xmlns:a16="http://schemas.microsoft.com/office/drawing/2014/main" id="{F698F290-5847-47FB-800E-9666023B3126}"/>
                </a:ext>
              </a:extLst>
            </p:cNvPr>
            <p:cNvSpPr/>
            <p:nvPr/>
          </p:nvSpPr>
          <p:spPr bwMode="auto">
            <a:xfrm>
              <a:off x="2374985" y="3000655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" name="Arc 17">
              <a:extLst>
                <a:ext uri="{FF2B5EF4-FFF2-40B4-BE49-F238E27FC236}">
                  <a16:creationId xmlns:a16="http://schemas.microsoft.com/office/drawing/2014/main" id="{4510DE7A-351D-7DD0-6B8C-80D23BCC8E6B}"/>
                </a:ext>
              </a:extLst>
            </p:cNvPr>
            <p:cNvSpPr/>
            <p:nvPr/>
          </p:nvSpPr>
          <p:spPr bwMode="auto">
            <a:xfrm rot="10800000">
              <a:off x="1064816" y="3043808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9" name="TextBox 18">
            <a:extLst>
              <a:ext uri="{FF2B5EF4-FFF2-40B4-BE49-F238E27FC236}">
                <a16:creationId xmlns:a16="http://schemas.microsoft.com/office/drawing/2014/main" id="{331FF6FB-C2C2-E073-D6E4-40613517865F}"/>
              </a:ext>
            </a:extLst>
          </p:cNvPr>
          <p:cNvSpPr txBox="1"/>
          <p:nvPr/>
        </p:nvSpPr>
        <p:spPr>
          <a:xfrm>
            <a:off x="727731" y="3384054"/>
            <a:ext cx="23884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R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C7AE1DC3-FB86-24BA-98A8-69BA352E969C}"/>
              </a:ext>
            </a:extLst>
          </p:cNvPr>
          <p:cNvSpPr txBox="1"/>
          <p:nvPr/>
        </p:nvSpPr>
        <p:spPr>
          <a:xfrm>
            <a:off x="3369508" y="3384054"/>
            <a:ext cx="2677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C</a:t>
            </a:r>
          </a:p>
        </p:txBody>
      </p:sp>
      <p:pic>
        <p:nvPicPr>
          <p:cNvPr id="21" name="Picture 4">
            <a:extLst>
              <a:ext uri="{FF2B5EF4-FFF2-40B4-BE49-F238E27FC236}">
                <a16:creationId xmlns:a16="http://schemas.microsoft.com/office/drawing/2014/main" id="{4CD1FE1E-DEDA-3F40-CBE5-1B344921B71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8275" y="2592239"/>
            <a:ext cx="1096399" cy="16445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8586687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764445B7-BD9F-FA8F-ED92-C54E97713017}"/>
              </a:ext>
            </a:extLst>
          </p:cNvPr>
          <p:cNvGrpSpPr/>
          <p:nvPr/>
        </p:nvGrpSpPr>
        <p:grpSpPr>
          <a:xfrm rot="10800000">
            <a:off x="1064816" y="3000655"/>
            <a:ext cx="2224569" cy="957553"/>
            <a:chOff x="1064816" y="3000655"/>
            <a:chExt cx="2224569" cy="957553"/>
          </a:xfrm>
        </p:grpSpPr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2374985" y="3000655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1064816" y="3043808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0" name="TextBox 9">
            <a:extLst>
              <a:ext uri="{FF2B5EF4-FFF2-40B4-BE49-F238E27FC236}">
                <a16:creationId xmlns:a16="http://schemas.microsoft.com/office/drawing/2014/main" id="{3D81A2CF-8A00-8B4E-A51B-018E3F406724}"/>
              </a:ext>
            </a:extLst>
          </p:cNvPr>
          <p:cNvSpPr txBox="1"/>
          <p:nvPr/>
        </p:nvSpPr>
        <p:spPr>
          <a:xfrm>
            <a:off x="727731" y="3384054"/>
            <a:ext cx="23884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R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A0A24F9-A52D-0D4A-96C9-9FE27FC15383}"/>
              </a:ext>
            </a:extLst>
          </p:cNvPr>
          <p:cNvSpPr txBox="1"/>
          <p:nvPr/>
        </p:nvSpPr>
        <p:spPr>
          <a:xfrm>
            <a:off x="3369508" y="3384054"/>
            <a:ext cx="2677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C</a:t>
            </a: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23" name="Picture 4">
            <a:extLst>
              <a:ext uri="{FF2B5EF4-FFF2-40B4-BE49-F238E27FC236}">
                <a16:creationId xmlns:a16="http://schemas.microsoft.com/office/drawing/2014/main" id="{3C526AA0-376E-0F22-9E58-C6D4399FE4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8275" y="2592239"/>
            <a:ext cx="1096399" cy="16445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4E1C9331-0CB1-2973-CF65-A36A32ECD73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611681" y="2193542"/>
            <a:ext cx="2498703" cy="934474"/>
          </a:xfrm>
          <a:prstGeom prst="rect">
            <a:avLst/>
          </a:prstGeom>
        </p:spPr>
      </p:pic>
      <p:pic>
        <p:nvPicPr>
          <p:cNvPr id="4102" name="Picture 6">
            <a:extLst>
              <a:ext uri="{FF2B5EF4-FFF2-40B4-BE49-F238E27FC236}">
                <a16:creationId xmlns:a16="http://schemas.microsoft.com/office/drawing/2014/main" id="{4F1E1051-2A13-2E4A-CB4F-16D6256C95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51741" y="3813881"/>
            <a:ext cx="2605843" cy="1563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2057524"/>
            <a:ext cx="5080000" cy="317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2057524"/>
            <a:ext cx="5080000" cy="317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A43C54E-525E-38C7-BE0E-419B0666AB1B}"/>
              </a:ext>
            </a:extLst>
          </p:cNvPr>
          <p:cNvSpPr txBox="1"/>
          <p:nvPr/>
        </p:nvSpPr>
        <p:spPr>
          <a:xfrm>
            <a:off x="8542684" y="3090291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3D6BFE3-6C71-BA0C-DDB9-74E4A19D9977}"/>
              </a:ext>
            </a:extLst>
          </p:cNvPr>
          <p:cNvSpPr txBox="1"/>
          <p:nvPr/>
        </p:nvSpPr>
        <p:spPr>
          <a:xfrm>
            <a:off x="8542684" y="3312045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6476B925-CE55-20D9-B369-50CFE0F084FA}"/>
              </a:ext>
            </a:extLst>
          </p:cNvPr>
          <p:cNvSpPr/>
          <p:nvPr/>
        </p:nvSpPr>
        <p:spPr bwMode="auto">
          <a:xfrm>
            <a:off x="8527444" y="2904773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8CC9A14-12F0-01BB-B9E5-AC6E2D0CDD37}"/>
              </a:ext>
            </a:extLst>
          </p:cNvPr>
          <p:cNvSpPr/>
          <p:nvPr/>
        </p:nvSpPr>
        <p:spPr bwMode="auto">
          <a:xfrm>
            <a:off x="9447706" y="2904773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DA297CC1-7E88-2FA9-C460-085A3B211984}"/>
              </a:ext>
            </a:extLst>
          </p:cNvPr>
          <p:cNvSpPr/>
          <p:nvPr/>
        </p:nvSpPr>
        <p:spPr bwMode="auto">
          <a:xfrm>
            <a:off x="10352729" y="2907436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0CB6E8A-5CBA-4452-7261-4EAD2C3A7C4E}"/>
              </a:ext>
            </a:extLst>
          </p:cNvPr>
          <p:cNvSpPr txBox="1"/>
          <p:nvPr/>
        </p:nvSpPr>
        <p:spPr>
          <a:xfrm>
            <a:off x="8946640" y="1938451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4E8A2085-57B5-FCC9-6411-04CD3358C1A5}"/>
              </a:ext>
            </a:extLst>
          </p:cNvPr>
          <p:cNvSpPr/>
          <p:nvPr/>
        </p:nvSpPr>
        <p:spPr bwMode="auto">
          <a:xfrm>
            <a:off x="8946640" y="1703738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2FF3E4E2-E940-9E72-3DB0-6FE3A9295644}"/>
              </a:ext>
            </a:extLst>
          </p:cNvPr>
          <p:cNvSpPr/>
          <p:nvPr/>
        </p:nvSpPr>
        <p:spPr bwMode="auto">
          <a:xfrm>
            <a:off x="9412482" y="5007263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C8DE5CF-76F6-B07A-19D4-FF8FC63102A1}"/>
              </a:ext>
            </a:extLst>
          </p:cNvPr>
          <p:cNvSpPr txBox="1"/>
          <p:nvPr/>
        </p:nvSpPr>
        <p:spPr>
          <a:xfrm>
            <a:off x="9008088" y="2189908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8E56ABA-52F3-A8A7-7F65-185ECCBEA05B}"/>
              </a:ext>
            </a:extLst>
          </p:cNvPr>
          <p:cNvSpPr txBox="1"/>
          <p:nvPr/>
        </p:nvSpPr>
        <p:spPr>
          <a:xfrm>
            <a:off x="9391072" y="5233158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B54C92BB-4A5F-2808-89A4-91F59215443F}"/>
              </a:ext>
            </a:extLst>
          </p:cNvPr>
          <p:cNvSpPr/>
          <p:nvPr/>
        </p:nvSpPr>
        <p:spPr bwMode="auto">
          <a:xfrm>
            <a:off x="9866806" y="1705992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ACA3883-00E2-BE86-4F25-210D64E3CA8B}"/>
              </a:ext>
            </a:extLst>
          </p:cNvPr>
          <p:cNvSpPr txBox="1"/>
          <p:nvPr/>
        </p:nvSpPr>
        <p:spPr>
          <a:xfrm>
            <a:off x="9452520" y="5451533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0EF1E4A1-CFC0-AD40-FB1D-70AF4334A4AE}"/>
              </a:ext>
            </a:extLst>
          </p:cNvPr>
          <p:cNvCxnSpPr/>
          <p:nvPr/>
        </p:nvCxnSpPr>
        <p:spPr bwMode="auto">
          <a:xfrm flipV="1">
            <a:off x="8671460" y="2442219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A397880C-BC28-7B3D-A611-61BA7EAA6B10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174106" y="2442219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57456E69-0072-3C8A-4AAA-64BB13DB9250}"/>
              </a:ext>
            </a:extLst>
          </p:cNvPr>
          <p:cNvCxnSpPr/>
          <p:nvPr/>
        </p:nvCxnSpPr>
        <p:spPr bwMode="auto">
          <a:xfrm flipV="1">
            <a:off x="9619479" y="2450666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D9CD1D63-A2CD-A9CC-2C72-505A8D52449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22125" y="2450666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36B17903-B177-0271-99B9-9BAECCEF5703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5955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B62A6019-9D70-CD50-2599-CA0E41272D76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6332" y="3545955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24A6B465-FB76-69BB-2947-3B99509752ED}"/>
              </a:ext>
            </a:extLst>
          </p:cNvPr>
          <p:cNvSpPr/>
          <p:nvPr/>
        </p:nvSpPr>
        <p:spPr bwMode="auto">
          <a:xfrm>
            <a:off x="9416323" y="3934613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9D9ED3B-FA2B-5D30-42EC-16DA9EACDFAF}"/>
              </a:ext>
            </a:extLst>
          </p:cNvPr>
          <p:cNvSpPr txBox="1"/>
          <p:nvPr/>
        </p:nvSpPr>
        <p:spPr>
          <a:xfrm>
            <a:off x="9343085" y="4161511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26CC679-F6D0-D651-DA68-77356D34DD52}"/>
              </a:ext>
            </a:extLst>
          </p:cNvPr>
          <p:cNvSpPr txBox="1"/>
          <p:nvPr/>
        </p:nvSpPr>
        <p:spPr>
          <a:xfrm>
            <a:off x="9466793" y="4375192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7B2D31D-472D-8F7E-9335-97BCE365F5AF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9251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52A973E-8A44-4E5F-0B07-A05AA63B15FF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7849" y="3551685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B7348F8-29B5-7179-2AFD-0BAFE11DFA77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519715" y="3545955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Freeform 32">
            <a:extLst>
              <a:ext uri="{FF2B5EF4-FFF2-40B4-BE49-F238E27FC236}">
                <a16:creationId xmlns:a16="http://schemas.microsoft.com/office/drawing/2014/main" id="{5E5CC716-84B5-DE3F-4530-58AADEF89F61}"/>
              </a:ext>
            </a:extLst>
          </p:cNvPr>
          <p:cNvSpPr/>
          <p:nvPr/>
        </p:nvSpPr>
        <p:spPr bwMode="auto">
          <a:xfrm>
            <a:off x="8546598" y="1413164"/>
            <a:ext cx="2634020" cy="4364181"/>
          </a:xfrm>
          <a:custGeom>
            <a:avLst/>
            <a:gdLst>
              <a:gd name="connsiteX0" fmla="*/ 1428675 w 2634020"/>
              <a:gd name="connsiteY0" fmla="*/ 166254 h 4364181"/>
              <a:gd name="connsiteX1" fmla="*/ 1324766 w 2634020"/>
              <a:gd name="connsiteY1" fmla="*/ 197427 h 4364181"/>
              <a:gd name="connsiteX2" fmla="*/ 1241638 w 2634020"/>
              <a:gd name="connsiteY2" fmla="*/ 259772 h 4364181"/>
              <a:gd name="connsiteX3" fmla="*/ 1210466 w 2634020"/>
              <a:gd name="connsiteY3" fmla="*/ 280554 h 4364181"/>
              <a:gd name="connsiteX4" fmla="*/ 1168902 w 2634020"/>
              <a:gd name="connsiteY4" fmla="*/ 342900 h 4364181"/>
              <a:gd name="connsiteX5" fmla="*/ 1116947 w 2634020"/>
              <a:gd name="connsiteY5" fmla="*/ 426027 h 4364181"/>
              <a:gd name="connsiteX6" fmla="*/ 1085775 w 2634020"/>
              <a:gd name="connsiteY6" fmla="*/ 509154 h 4364181"/>
              <a:gd name="connsiteX7" fmla="*/ 1054602 w 2634020"/>
              <a:gd name="connsiteY7" fmla="*/ 623454 h 4364181"/>
              <a:gd name="connsiteX8" fmla="*/ 1044211 w 2634020"/>
              <a:gd name="connsiteY8" fmla="*/ 727363 h 4364181"/>
              <a:gd name="connsiteX9" fmla="*/ 1033820 w 2634020"/>
              <a:gd name="connsiteY9" fmla="*/ 987136 h 4364181"/>
              <a:gd name="connsiteX10" fmla="*/ 1023429 w 2634020"/>
              <a:gd name="connsiteY10" fmla="*/ 1070263 h 4364181"/>
              <a:gd name="connsiteX11" fmla="*/ 1002647 w 2634020"/>
              <a:gd name="connsiteY11" fmla="*/ 1174172 h 4364181"/>
              <a:gd name="connsiteX12" fmla="*/ 1013038 w 2634020"/>
              <a:gd name="connsiteY12" fmla="*/ 1423554 h 4364181"/>
              <a:gd name="connsiteX13" fmla="*/ 1023429 w 2634020"/>
              <a:gd name="connsiteY13" fmla="*/ 1454727 h 4364181"/>
              <a:gd name="connsiteX14" fmla="*/ 1054602 w 2634020"/>
              <a:gd name="connsiteY14" fmla="*/ 1496291 h 4364181"/>
              <a:gd name="connsiteX15" fmla="*/ 1137729 w 2634020"/>
              <a:gd name="connsiteY15" fmla="*/ 1579418 h 4364181"/>
              <a:gd name="connsiteX16" fmla="*/ 1168902 w 2634020"/>
              <a:gd name="connsiteY16" fmla="*/ 1610591 h 4364181"/>
              <a:gd name="connsiteX17" fmla="*/ 1200075 w 2634020"/>
              <a:gd name="connsiteY17" fmla="*/ 1652154 h 4364181"/>
              <a:gd name="connsiteX18" fmla="*/ 1231247 w 2634020"/>
              <a:gd name="connsiteY18" fmla="*/ 1704109 h 4364181"/>
              <a:gd name="connsiteX19" fmla="*/ 1293593 w 2634020"/>
              <a:gd name="connsiteY19" fmla="*/ 1808018 h 4364181"/>
              <a:gd name="connsiteX20" fmla="*/ 1303984 w 2634020"/>
              <a:gd name="connsiteY20" fmla="*/ 1839191 h 4364181"/>
              <a:gd name="connsiteX21" fmla="*/ 1314375 w 2634020"/>
              <a:gd name="connsiteY21" fmla="*/ 1880754 h 4364181"/>
              <a:gd name="connsiteX22" fmla="*/ 1335157 w 2634020"/>
              <a:gd name="connsiteY22" fmla="*/ 1911927 h 4364181"/>
              <a:gd name="connsiteX23" fmla="*/ 1345547 w 2634020"/>
              <a:gd name="connsiteY23" fmla="*/ 1974272 h 4364181"/>
              <a:gd name="connsiteX24" fmla="*/ 1355938 w 2634020"/>
              <a:gd name="connsiteY24" fmla="*/ 2015836 h 4364181"/>
              <a:gd name="connsiteX25" fmla="*/ 1314375 w 2634020"/>
              <a:gd name="connsiteY25" fmla="*/ 2119745 h 4364181"/>
              <a:gd name="connsiteX26" fmla="*/ 1231247 w 2634020"/>
              <a:gd name="connsiteY26" fmla="*/ 2150918 h 4364181"/>
              <a:gd name="connsiteX27" fmla="*/ 1116947 w 2634020"/>
              <a:gd name="connsiteY27" fmla="*/ 2140527 h 4364181"/>
              <a:gd name="connsiteX28" fmla="*/ 1054602 w 2634020"/>
              <a:gd name="connsiteY28" fmla="*/ 2119745 h 4364181"/>
              <a:gd name="connsiteX29" fmla="*/ 961084 w 2634020"/>
              <a:gd name="connsiteY29" fmla="*/ 2140527 h 4364181"/>
              <a:gd name="connsiteX30" fmla="*/ 888347 w 2634020"/>
              <a:gd name="connsiteY30" fmla="*/ 2161309 h 4364181"/>
              <a:gd name="connsiteX31" fmla="*/ 566229 w 2634020"/>
              <a:gd name="connsiteY31" fmla="*/ 2182091 h 4364181"/>
              <a:gd name="connsiteX32" fmla="*/ 192157 w 2634020"/>
              <a:gd name="connsiteY32" fmla="*/ 2171700 h 4364181"/>
              <a:gd name="connsiteX33" fmla="*/ 129811 w 2634020"/>
              <a:gd name="connsiteY33" fmla="*/ 2150918 h 4364181"/>
              <a:gd name="connsiteX34" fmla="*/ 98638 w 2634020"/>
              <a:gd name="connsiteY34" fmla="*/ 2140527 h 4364181"/>
              <a:gd name="connsiteX35" fmla="*/ 67466 w 2634020"/>
              <a:gd name="connsiteY35" fmla="*/ 2130136 h 4364181"/>
              <a:gd name="connsiteX36" fmla="*/ 5120 w 2634020"/>
              <a:gd name="connsiteY36" fmla="*/ 2140527 h 4364181"/>
              <a:gd name="connsiteX37" fmla="*/ 25902 w 2634020"/>
              <a:gd name="connsiteY37" fmla="*/ 2296391 h 4364181"/>
              <a:gd name="connsiteX38" fmla="*/ 36293 w 2634020"/>
              <a:gd name="connsiteY38" fmla="*/ 2358736 h 4364181"/>
              <a:gd name="connsiteX39" fmla="*/ 57075 w 2634020"/>
              <a:gd name="connsiteY39" fmla="*/ 2421081 h 4364181"/>
              <a:gd name="connsiteX40" fmla="*/ 67466 w 2634020"/>
              <a:gd name="connsiteY40" fmla="*/ 2452254 h 4364181"/>
              <a:gd name="connsiteX41" fmla="*/ 109029 w 2634020"/>
              <a:gd name="connsiteY41" fmla="*/ 2524991 h 4364181"/>
              <a:gd name="connsiteX42" fmla="*/ 129811 w 2634020"/>
              <a:gd name="connsiteY42" fmla="*/ 2576945 h 4364181"/>
              <a:gd name="connsiteX43" fmla="*/ 171375 w 2634020"/>
              <a:gd name="connsiteY43" fmla="*/ 2639291 h 4364181"/>
              <a:gd name="connsiteX44" fmla="*/ 202547 w 2634020"/>
              <a:gd name="connsiteY44" fmla="*/ 2722418 h 4364181"/>
              <a:gd name="connsiteX45" fmla="*/ 244111 w 2634020"/>
              <a:gd name="connsiteY45" fmla="*/ 2805545 h 4364181"/>
              <a:gd name="connsiteX46" fmla="*/ 296066 w 2634020"/>
              <a:gd name="connsiteY46" fmla="*/ 2930236 h 4364181"/>
              <a:gd name="connsiteX47" fmla="*/ 337629 w 2634020"/>
              <a:gd name="connsiteY47" fmla="*/ 3034145 h 4364181"/>
              <a:gd name="connsiteX48" fmla="*/ 348020 w 2634020"/>
              <a:gd name="connsiteY48" fmla="*/ 3491345 h 4364181"/>
              <a:gd name="connsiteX49" fmla="*/ 368802 w 2634020"/>
              <a:gd name="connsiteY49" fmla="*/ 3564081 h 4364181"/>
              <a:gd name="connsiteX50" fmla="*/ 399975 w 2634020"/>
              <a:gd name="connsiteY50" fmla="*/ 3678381 h 4364181"/>
              <a:gd name="connsiteX51" fmla="*/ 420757 w 2634020"/>
              <a:gd name="connsiteY51" fmla="*/ 3761509 h 4364181"/>
              <a:gd name="connsiteX52" fmla="*/ 431147 w 2634020"/>
              <a:gd name="connsiteY52" fmla="*/ 3803072 h 4364181"/>
              <a:gd name="connsiteX53" fmla="*/ 451929 w 2634020"/>
              <a:gd name="connsiteY53" fmla="*/ 3865418 h 4364181"/>
              <a:gd name="connsiteX54" fmla="*/ 462320 w 2634020"/>
              <a:gd name="connsiteY54" fmla="*/ 3906981 h 4364181"/>
              <a:gd name="connsiteX55" fmla="*/ 514275 w 2634020"/>
              <a:gd name="connsiteY55" fmla="*/ 3990109 h 4364181"/>
              <a:gd name="connsiteX56" fmla="*/ 566229 w 2634020"/>
              <a:gd name="connsiteY56" fmla="*/ 4052454 h 4364181"/>
              <a:gd name="connsiteX57" fmla="*/ 607793 w 2634020"/>
              <a:gd name="connsiteY57" fmla="*/ 4114800 h 4364181"/>
              <a:gd name="connsiteX58" fmla="*/ 618184 w 2634020"/>
              <a:gd name="connsiteY58" fmla="*/ 4145972 h 4364181"/>
              <a:gd name="connsiteX59" fmla="*/ 701311 w 2634020"/>
              <a:gd name="connsiteY59" fmla="*/ 4187536 h 4364181"/>
              <a:gd name="connsiteX60" fmla="*/ 784438 w 2634020"/>
              <a:gd name="connsiteY60" fmla="*/ 4281054 h 4364181"/>
              <a:gd name="connsiteX61" fmla="*/ 826002 w 2634020"/>
              <a:gd name="connsiteY61" fmla="*/ 4312227 h 4364181"/>
              <a:gd name="connsiteX62" fmla="*/ 898738 w 2634020"/>
              <a:gd name="connsiteY62" fmla="*/ 4353791 h 4364181"/>
              <a:gd name="connsiteX63" fmla="*/ 929911 w 2634020"/>
              <a:gd name="connsiteY63" fmla="*/ 4364181 h 4364181"/>
              <a:gd name="connsiteX64" fmla="*/ 1168902 w 2634020"/>
              <a:gd name="connsiteY64" fmla="*/ 4353791 h 4364181"/>
              <a:gd name="connsiteX65" fmla="*/ 1200075 w 2634020"/>
              <a:gd name="connsiteY65" fmla="*/ 4343400 h 4364181"/>
              <a:gd name="connsiteX66" fmla="*/ 1231247 w 2634020"/>
              <a:gd name="connsiteY66" fmla="*/ 4322618 h 4364181"/>
              <a:gd name="connsiteX67" fmla="*/ 1335157 w 2634020"/>
              <a:gd name="connsiteY67" fmla="*/ 4229100 h 4364181"/>
              <a:gd name="connsiteX68" fmla="*/ 1376720 w 2634020"/>
              <a:gd name="connsiteY68" fmla="*/ 4197927 h 4364181"/>
              <a:gd name="connsiteX69" fmla="*/ 1418284 w 2634020"/>
              <a:gd name="connsiteY69" fmla="*/ 4156363 h 4364181"/>
              <a:gd name="connsiteX70" fmla="*/ 1501411 w 2634020"/>
              <a:gd name="connsiteY70" fmla="*/ 4094018 h 4364181"/>
              <a:gd name="connsiteX71" fmla="*/ 1553366 w 2634020"/>
              <a:gd name="connsiteY71" fmla="*/ 4052454 h 4364181"/>
              <a:gd name="connsiteX72" fmla="*/ 1594929 w 2634020"/>
              <a:gd name="connsiteY72" fmla="*/ 4000500 h 4364181"/>
              <a:gd name="connsiteX73" fmla="*/ 1636493 w 2634020"/>
              <a:gd name="connsiteY73" fmla="*/ 3958936 h 4364181"/>
              <a:gd name="connsiteX74" fmla="*/ 1657275 w 2634020"/>
              <a:gd name="connsiteY74" fmla="*/ 3927763 h 4364181"/>
              <a:gd name="connsiteX75" fmla="*/ 1730011 w 2634020"/>
              <a:gd name="connsiteY75" fmla="*/ 3855027 h 4364181"/>
              <a:gd name="connsiteX76" fmla="*/ 1761184 w 2634020"/>
              <a:gd name="connsiteY76" fmla="*/ 3792681 h 4364181"/>
              <a:gd name="connsiteX77" fmla="*/ 1771575 w 2634020"/>
              <a:gd name="connsiteY77" fmla="*/ 3740727 h 4364181"/>
              <a:gd name="connsiteX78" fmla="*/ 1792357 w 2634020"/>
              <a:gd name="connsiteY78" fmla="*/ 3709554 h 4364181"/>
              <a:gd name="connsiteX79" fmla="*/ 1823529 w 2634020"/>
              <a:gd name="connsiteY79" fmla="*/ 3647209 h 4364181"/>
              <a:gd name="connsiteX80" fmla="*/ 1833920 w 2634020"/>
              <a:gd name="connsiteY80" fmla="*/ 3605645 h 4364181"/>
              <a:gd name="connsiteX81" fmla="*/ 1854702 w 2634020"/>
              <a:gd name="connsiteY81" fmla="*/ 3553691 h 4364181"/>
              <a:gd name="connsiteX82" fmla="*/ 1875484 w 2634020"/>
              <a:gd name="connsiteY82" fmla="*/ 3470563 h 4364181"/>
              <a:gd name="connsiteX83" fmla="*/ 1885875 w 2634020"/>
              <a:gd name="connsiteY83" fmla="*/ 3429000 h 4364181"/>
              <a:gd name="connsiteX84" fmla="*/ 1927438 w 2634020"/>
              <a:gd name="connsiteY84" fmla="*/ 3314700 h 4364181"/>
              <a:gd name="connsiteX85" fmla="*/ 1979393 w 2634020"/>
              <a:gd name="connsiteY85" fmla="*/ 3179618 h 4364181"/>
              <a:gd name="connsiteX86" fmla="*/ 2020957 w 2634020"/>
              <a:gd name="connsiteY86" fmla="*/ 3075709 h 4364181"/>
              <a:gd name="connsiteX87" fmla="*/ 2072911 w 2634020"/>
              <a:gd name="connsiteY87" fmla="*/ 2982191 h 4364181"/>
              <a:gd name="connsiteX88" fmla="*/ 2135257 w 2634020"/>
              <a:gd name="connsiteY88" fmla="*/ 2878281 h 4364181"/>
              <a:gd name="connsiteX89" fmla="*/ 2156038 w 2634020"/>
              <a:gd name="connsiteY89" fmla="*/ 2815936 h 4364181"/>
              <a:gd name="connsiteX90" fmla="*/ 2187211 w 2634020"/>
              <a:gd name="connsiteY90" fmla="*/ 2763981 h 4364181"/>
              <a:gd name="connsiteX91" fmla="*/ 2207993 w 2634020"/>
              <a:gd name="connsiteY91" fmla="*/ 2712027 h 4364181"/>
              <a:gd name="connsiteX92" fmla="*/ 2239166 w 2634020"/>
              <a:gd name="connsiteY92" fmla="*/ 2649681 h 4364181"/>
              <a:gd name="connsiteX93" fmla="*/ 2259947 w 2634020"/>
              <a:gd name="connsiteY93" fmla="*/ 2576945 h 4364181"/>
              <a:gd name="connsiteX94" fmla="*/ 2291120 w 2634020"/>
              <a:gd name="connsiteY94" fmla="*/ 2483427 h 4364181"/>
              <a:gd name="connsiteX95" fmla="*/ 2353466 w 2634020"/>
              <a:gd name="connsiteY95" fmla="*/ 2275609 h 4364181"/>
              <a:gd name="connsiteX96" fmla="*/ 2384638 w 2634020"/>
              <a:gd name="connsiteY96" fmla="*/ 2171700 h 4364181"/>
              <a:gd name="connsiteX97" fmla="*/ 2446984 w 2634020"/>
              <a:gd name="connsiteY97" fmla="*/ 1984663 h 4364181"/>
              <a:gd name="connsiteX98" fmla="*/ 2467766 w 2634020"/>
              <a:gd name="connsiteY98" fmla="*/ 1901536 h 4364181"/>
              <a:gd name="connsiteX99" fmla="*/ 2509329 w 2634020"/>
              <a:gd name="connsiteY99" fmla="*/ 1787236 h 4364181"/>
              <a:gd name="connsiteX100" fmla="*/ 2530111 w 2634020"/>
              <a:gd name="connsiteY100" fmla="*/ 1714500 h 4364181"/>
              <a:gd name="connsiteX101" fmla="*/ 2571675 w 2634020"/>
              <a:gd name="connsiteY101" fmla="*/ 1589809 h 4364181"/>
              <a:gd name="connsiteX102" fmla="*/ 2613238 w 2634020"/>
              <a:gd name="connsiteY102" fmla="*/ 1485900 h 4364181"/>
              <a:gd name="connsiteX103" fmla="*/ 2634020 w 2634020"/>
              <a:gd name="connsiteY103" fmla="*/ 1423554 h 4364181"/>
              <a:gd name="connsiteX104" fmla="*/ 2498938 w 2634020"/>
              <a:gd name="connsiteY104" fmla="*/ 1163781 h 4364181"/>
              <a:gd name="connsiteX105" fmla="*/ 2301511 w 2634020"/>
              <a:gd name="connsiteY105" fmla="*/ 665018 h 4364181"/>
              <a:gd name="connsiteX106" fmla="*/ 2249557 w 2634020"/>
              <a:gd name="connsiteY106" fmla="*/ 529936 h 4364181"/>
              <a:gd name="connsiteX107" fmla="*/ 2187211 w 2634020"/>
              <a:gd name="connsiteY107" fmla="*/ 280554 h 4364181"/>
              <a:gd name="connsiteX108" fmla="*/ 2135257 w 2634020"/>
              <a:gd name="connsiteY108" fmla="*/ 124691 h 4364181"/>
              <a:gd name="connsiteX109" fmla="*/ 2104084 w 2634020"/>
              <a:gd name="connsiteY109" fmla="*/ 31172 h 4364181"/>
              <a:gd name="connsiteX110" fmla="*/ 2093693 w 2634020"/>
              <a:gd name="connsiteY110" fmla="*/ 0 h 4364181"/>
              <a:gd name="connsiteX111" fmla="*/ 2020957 w 2634020"/>
              <a:gd name="connsiteY111" fmla="*/ 20781 h 4364181"/>
              <a:gd name="connsiteX112" fmla="*/ 1989784 w 2634020"/>
              <a:gd name="connsiteY112" fmla="*/ 31172 h 4364181"/>
              <a:gd name="connsiteX113" fmla="*/ 1885875 w 2634020"/>
              <a:gd name="connsiteY113" fmla="*/ 93518 h 4364181"/>
              <a:gd name="connsiteX114" fmla="*/ 1792357 w 2634020"/>
              <a:gd name="connsiteY114" fmla="*/ 166254 h 4364181"/>
              <a:gd name="connsiteX115" fmla="*/ 1761184 w 2634020"/>
              <a:gd name="connsiteY115" fmla="*/ 187036 h 4364181"/>
              <a:gd name="connsiteX116" fmla="*/ 1584538 w 2634020"/>
              <a:gd name="connsiteY116" fmla="*/ 197427 h 4364181"/>
              <a:gd name="connsiteX117" fmla="*/ 1553366 w 2634020"/>
              <a:gd name="connsiteY117" fmla="*/ 207818 h 4364181"/>
              <a:gd name="connsiteX118" fmla="*/ 1511802 w 2634020"/>
              <a:gd name="connsiteY118" fmla="*/ 218209 h 4364181"/>
              <a:gd name="connsiteX119" fmla="*/ 1449457 w 2634020"/>
              <a:gd name="connsiteY119" fmla="*/ 238991 h 4364181"/>
              <a:gd name="connsiteX120" fmla="*/ 1407893 w 2634020"/>
              <a:gd name="connsiteY120" fmla="*/ 228600 h 4364181"/>
              <a:gd name="connsiteX121" fmla="*/ 1387111 w 2634020"/>
              <a:gd name="connsiteY121" fmla="*/ 197427 h 4364181"/>
              <a:gd name="connsiteX122" fmla="*/ 1324766 w 2634020"/>
              <a:gd name="connsiteY122" fmla="*/ 238991 h 4364181"/>
              <a:gd name="connsiteX123" fmla="*/ 1303984 w 2634020"/>
              <a:gd name="connsiteY123" fmla="*/ 207818 h 4364181"/>
              <a:gd name="connsiteX124" fmla="*/ 1324766 w 2634020"/>
              <a:gd name="connsiteY124" fmla="*/ 176645 h 4364181"/>
              <a:gd name="connsiteX125" fmla="*/ 1387111 w 2634020"/>
              <a:gd name="connsiteY125" fmla="*/ 155863 h 4364181"/>
              <a:gd name="connsiteX126" fmla="*/ 1428675 w 2634020"/>
              <a:gd name="connsiteY126" fmla="*/ 166254 h 4364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</a:cxnLst>
            <a:rect l="l" t="t" r="r" b="b"/>
            <a:pathLst>
              <a:path w="2634020" h="4364181">
                <a:moveTo>
                  <a:pt x="1428675" y="166254"/>
                </a:moveTo>
                <a:cubicBezTo>
                  <a:pt x="1394039" y="176645"/>
                  <a:pt x="1358341" y="183997"/>
                  <a:pt x="1324766" y="197427"/>
                </a:cubicBezTo>
                <a:cubicBezTo>
                  <a:pt x="1265981" y="220941"/>
                  <a:pt x="1282893" y="225393"/>
                  <a:pt x="1241638" y="259772"/>
                </a:cubicBezTo>
                <a:cubicBezTo>
                  <a:pt x="1232044" y="267767"/>
                  <a:pt x="1220857" y="273627"/>
                  <a:pt x="1210466" y="280554"/>
                </a:cubicBezTo>
                <a:cubicBezTo>
                  <a:pt x="1196611" y="301336"/>
                  <a:pt x="1181753" y="321483"/>
                  <a:pt x="1168902" y="342900"/>
                </a:cubicBezTo>
                <a:cubicBezTo>
                  <a:pt x="1111849" y="437987"/>
                  <a:pt x="1189307" y="329547"/>
                  <a:pt x="1116947" y="426027"/>
                </a:cubicBezTo>
                <a:cubicBezTo>
                  <a:pt x="1094453" y="516012"/>
                  <a:pt x="1121998" y="418597"/>
                  <a:pt x="1085775" y="509154"/>
                </a:cubicBezTo>
                <a:cubicBezTo>
                  <a:pt x="1064682" y="561886"/>
                  <a:pt x="1065037" y="571278"/>
                  <a:pt x="1054602" y="623454"/>
                </a:cubicBezTo>
                <a:cubicBezTo>
                  <a:pt x="1051138" y="658090"/>
                  <a:pt x="1046197" y="692611"/>
                  <a:pt x="1044211" y="727363"/>
                </a:cubicBezTo>
                <a:cubicBezTo>
                  <a:pt x="1039267" y="813882"/>
                  <a:pt x="1039063" y="900634"/>
                  <a:pt x="1033820" y="987136"/>
                </a:cubicBezTo>
                <a:cubicBezTo>
                  <a:pt x="1032131" y="1015009"/>
                  <a:pt x="1027378" y="1042619"/>
                  <a:pt x="1023429" y="1070263"/>
                </a:cubicBezTo>
                <a:cubicBezTo>
                  <a:pt x="1014936" y="1129712"/>
                  <a:pt x="1015270" y="1123681"/>
                  <a:pt x="1002647" y="1174172"/>
                </a:cubicBezTo>
                <a:cubicBezTo>
                  <a:pt x="1006111" y="1257299"/>
                  <a:pt x="1006892" y="1340582"/>
                  <a:pt x="1013038" y="1423554"/>
                </a:cubicBezTo>
                <a:cubicBezTo>
                  <a:pt x="1013847" y="1434477"/>
                  <a:pt x="1017995" y="1445217"/>
                  <a:pt x="1023429" y="1454727"/>
                </a:cubicBezTo>
                <a:cubicBezTo>
                  <a:pt x="1032021" y="1469764"/>
                  <a:pt x="1042900" y="1483525"/>
                  <a:pt x="1054602" y="1496291"/>
                </a:cubicBezTo>
                <a:cubicBezTo>
                  <a:pt x="1081081" y="1525177"/>
                  <a:pt x="1110020" y="1551709"/>
                  <a:pt x="1137729" y="1579418"/>
                </a:cubicBezTo>
                <a:cubicBezTo>
                  <a:pt x="1148120" y="1589809"/>
                  <a:pt x="1160085" y="1598835"/>
                  <a:pt x="1168902" y="1610591"/>
                </a:cubicBezTo>
                <a:cubicBezTo>
                  <a:pt x="1179293" y="1624445"/>
                  <a:pt x="1190469" y="1637744"/>
                  <a:pt x="1200075" y="1652154"/>
                </a:cubicBezTo>
                <a:cubicBezTo>
                  <a:pt x="1211278" y="1668958"/>
                  <a:pt x="1220404" y="1687070"/>
                  <a:pt x="1231247" y="1704109"/>
                </a:cubicBezTo>
                <a:cubicBezTo>
                  <a:pt x="1263567" y="1754898"/>
                  <a:pt x="1272703" y="1759274"/>
                  <a:pt x="1293593" y="1808018"/>
                </a:cubicBezTo>
                <a:cubicBezTo>
                  <a:pt x="1297908" y="1818085"/>
                  <a:pt x="1300975" y="1828659"/>
                  <a:pt x="1303984" y="1839191"/>
                </a:cubicBezTo>
                <a:cubicBezTo>
                  <a:pt x="1307907" y="1852922"/>
                  <a:pt x="1308749" y="1867628"/>
                  <a:pt x="1314375" y="1880754"/>
                </a:cubicBezTo>
                <a:cubicBezTo>
                  <a:pt x="1319294" y="1892233"/>
                  <a:pt x="1328230" y="1901536"/>
                  <a:pt x="1335157" y="1911927"/>
                </a:cubicBezTo>
                <a:cubicBezTo>
                  <a:pt x="1338620" y="1932709"/>
                  <a:pt x="1341415" y="1953613"/>
                  <a:pt x="1345547" y="1974272"/>
                </a:cubicBezTo>
                <a:cubicBezTo>
                  <a:pt x="1348348" y="1988276"/>
                  <a:pt x="1355938" y="2001555"/>
                  <a:pt x="1355938" y="2015836"/>
                </a:cubicBezTo>
                <a:cubicBezTo>
                  <a:pt x="1355938" y="2058534"/>
                  <a:pt x="1347306" y="2091518"/>
                  <a:pt x="1314375" y="2119745"/>
                </a:cubicBezTo>
                <a:cubicBezTo>
                  <a:pt x="1292001" y="2138923"/>
                  <a:pt x="1258370" y="2144137"/>
                  <a:pt x="1231247" y="2150918"/>
                </a:cubicBezTo>
                <a:cubicBezTo>
                  <a:pt x="1193147" y="2147454"/>
                  <a:pt x="1154622" y="2147176"/>
                  <a:pt x="1116947" y="2140527"/>
                </a:cubicBezTo>
                <a:cubicBezTo>
                  <a:pt x="1095375" y="2136720"/>
                  <a:pt x="1054602" y="2119745"/>
                  <a:pt x="1054602" y="2119745"/>
                </a:cubicBezTo>
                <a:cubicBezTo>
                  <a:pt x="1018887" y="2126888"/>
                  <a:pt x="995326" y="2130743"/>
                  <a:pt x="961084" y="2140527"/>
                </a:cubicBezTo>
                <a:cubicBezTo>
                  <a:pt x="936007" y="2147692"/>
                  <a:pt x="914924" y="2158356"/>
                  <a:pt x="888347" y="2161309"/>
                </a:cubicBezTo>
                <a:cubicBezTo>
                  <a:pt x="839093" y="2166782"/>
                  <a:pt x="603280" y="2179911"/>
                  <a:pt x="566229" y="2182091"/>
                </a:cubicBezTo>
                <a:cubicBezTo>
                  <a:pt x="441538" y="2178627"/>
                  <a:pt x="316579" y="2180587"/>
                  <a:pt x="192157" y="2171700"/>
                </a:cubicBezTo>
                <a:cubicBezTo>
                  <a:pt x="170307" y="2170139"/>
                  <a:pt x="150593" y="2157845"/>
                  <a:pt x="129811" y="2150918"/>
                </a:cubicBezTo>
                <a:lnTo>
                  <a:pt x="98638" y="2140527"/>
                </a:lnTo>
                <a:lnTo>
                  <a:pt x="67466" y="2130136"/>
                </a:lnTo>
                <a:lnTo>
                  <a:pt x="5120" y="2140527"/>
                </a:lnTo>
                <a:cubicBezTo>
                  <a:pt x="-11474" y="2180352"/>
                  <a:pt x="16788" y="2250822"/>
                  <a:pt x="25902" y="2296391"/>
                </a:cubicBezTo>
                <a:cubicBezTo>
                  <a:pt x="30034" y="2317050"/>
                  <a:pt x="31183" y="2338297"/>
                  <a:pt x="36293" y="2358736"/>
                </a:cubicBezTo>
                <a:cubicBezTo>
                  <a:pt x="41606" y="2379988"/>
                  <a:pt x="50148" y="2400299"/>
                  <a:pt x="57075" y="2421081"/>
                </a:cubicBezTo>
                <a:cubicBezTo>
                  <a:pt x="60539" y="2431472"/>
                  <a:pt x="61391" y="2443140"/>
                  <a:pt x="67466" y="2452254"/>
                </a:cubicBezTo>
                <a:cubicBezTo>
                  <a:pt x="89753" y="2485686"/>
                  <a:pt x="91451" y="2485442"/>
                  <a:pt x="109029" y="2524991"/>
                </a:cubicBezTo>
                <a:cubicBezTo>
                  <a:pt x="116604" y="2542035"/>
                  <a:pt x="120879" y="2560570"/>
                  <a:pt x="129811" y="2576945"/>
                </a:cubicBezTo>
                <a:cubicBezTo>
                  <a:pt x="141771" y="2598872"/>
                  <a:pt x="160205" y="2616951"/>
                  <a:pt x="171375" y="2639291"/>
                </a:cubicBezTo>
                <a:cubicBezTo>
                  <a:pt x="184609" y="2665760"/>
                  <a:pt x="190686" y="2695306"/>
                  <a:pt x="202547" y="2722418"/>
                </a:cubicBezTo>
                <a:cubicBezTo>
                  <a:pt x="214964" y="2750800"/>
                  <a:pt x="231398" y="2777294"/>
                  <a:pt x="244111" y="2805545"/>
                </a:cubicBezTo>
                <a:cubicBezTo>
                  <a:pt x="262589" y="2846606"/>
                  <a:pt x="275930" y="2889962"/>
                  <a:pt x="296066" y="2930236"/>
                </a:cubicBezTo>
                <a:cubicBezTo>
                  <a:pt x="326643" y="2991393"/>
                  <a:pt x="311949" y="2957105"/>
                  <a:pt x="337629" y="3034145"/>
                </a:cubicBezTo>
                <a:cubicBezTo>
                  <a:pt x="341093" y="3186545"/>
                  <a:pt x="339068" y="3339169"/>
                  <a:pt x="348020" y="3491345"/>
                </a:cubicBezTo>
                <a:cubicBezTo>
                  <a:pt x="349501" y="3516517"/>
                  <a:pt x="363132" y="3539511"/>
                  <a:pt x="368802" y="3564081"/>
                </a:cubicBezTo>
                <a:cubicBezTo>
                  <a:pt x="425335" y="3809056"/>
                  <a:pt x="333233" y="3461472"/>
                  <a:pt x="399975" y="3678381"/>
                </a:cubicBezTo>
                <a:cubicBezTo>
                  <a:pt x="408375" y="3705680"/>
                  <a:pt x="413830" y="3733800"/>
                  <a:pt x="420757" y="3761509"/>
                </a:cubicBezTo>
                <a:cubicBezTo>
                  <a:pt x="424220" y="3775363"/>
                  <a:pt x="426631" y="3789524"/>
                  <a:pt x="431147" y="3803072"/>
                </a:cubicBezTo>
                <a:cubicBezTo>
                  <a:pt x="438074" y="3823854"/>
                  <a:pt x="446616" y="3844166"/>
                  <a:pt x="451929" y="3865418"/>
                </a:cubicBezTo>
                <a:cubicBezTo>
                  <a:pt x="455393" y="3879272"/>
                  <a:pt x="457306" y="3893610"/>
                  <a:pt x="462320" y="3906981"/>
                </a:cubicBezTo>
                <a:cubicBezTo>
                  <a:pt x="482066" y="3959637"/>
                  <a:pt x="483625" y="3941070"/>
                  <a:pt x="514275" y="3990109"/>
                </a:cubicBezTo>
                <a:cubicBezTo>
                  <a:pt x="551942" y="4050375"/>
                  <a:pt x="513059" y="4017006"/>
                  <a:pt x="566229" y="4052454"/>
                </a:cubicBezTo>
                <a:cubicBezTo>
                  <a:pt x="590936" y="4126574"/>
                  <a:pt x="555903" y="4036967"/>
                  <a:pt x="607793" y="4114800"/>
                </a:cubicBezTo>
                <a:cubicBezTo>
                  <a:pt x="613869" y="4123913"/>
                  <a:pt x="612108" y="4136859"/>
                  <a:pt x="618184" y="4145972"/>
                </a:cubicBezTo>
                <a:cubicBezTo>
                  <a:pt x="645053" y="4186275"/>
                  <a:pt x="655129" y="4178299"/>
                  <a:pt x="701311" y="4187536"/>
                </a:cubicBezTo>
                <a:cubicBezTo>
                  <a:pt x="724082" y="4214861"/>
                  <a:pt x="755101" y="4255908"/>
                  <a:pt x="784438" y="4281054"/>
                </a:cubicBezTo>
                <a:cubicBezTo>
                  <a:pt x="797587" y="4292325"/>
                  <a:pt x="811909" y="4302161"/>
                  <a:pt x="826002" y="4312227"/>
                </a:cubicBezTo>
                <a:cubicBezTo>
                  <a:pt x="852088" y="4330860"/>
                  <a:pt x="868300" y="4340746"/>
                  <a:pt x="898738" y="4353791"/>
                </a:cubicBezTo>
                <a:cubicBezTo>
                  <a:pt x="908805" y="4358106"/>
                  <a:pt x="919520" y="4360718"/>
                  <a:pt x="929911" y="4364181"/>
                </a:cubicBezTo>
                <a:cubicBezTo>
                  <a:pt x="1009575" y="4360718"/>
                  <a:pt x="1089398" y="4359906"/>
                  <a:pt x="1168902" y="4353791"/>
                </a:cubicBezTo>
                <a:cubicBezTo>
                  <a:pt x="1179823" y="4352951"/>
                  <a:pt x="1190278" y="4348298"/>
                  <a:pt x="1200075" y="4343400"/>
                </a:cubicBezTo>
                <a:cubicBezTo>
                  <a:pt x="1211245" y="4337815"/>
                  <a:pt x="1221257" y="4330111"/>
                  <a:pt x="1231247" y="4322618"/>
                </a:cubicBezTo>
                <a:cubicBezTo>
                  <a:pt x="1325736" y="4251751"/>
                  <a:pt x="1241669" y="4312200"/>
                  <a:pt x="1335157" y="4229100"/>
                </a:cubicBezTo>
                <a:cubicBezTo>
                  <a:pt x="1348101" y="4217595"/>
                  <a:pt x="1363687" y="4209331"/>
                  <a:pt x="1376720" y="4197927"/>
                </a:cubicBezTo>
                <a:cubicBezTo>
                  <a:pt x="1391466" y="4185025"/>
                  <a:pt x="1403232" y="4168906"/>
                  <a:pt x="1418284" y="4156363"/>
                </a:cubicBezTo>
                <a:cubicBezTo>
                  <a:pt x="1444892" y="4134189"/>
                  <a:pt x="1473957" y="4115136"/>
                  <a:pt x="1501411" y="4094018"/>
                </a:cubicBezTo>
                <a:cubicBezTo>
                  <a:pt x="1518990" y="4080496"/>
                  <a:pt x="1539511" y="4069772"/>
                  <a:pt x="1553366" y="4052454"/>
                </a:cubicBezTo>
                <a:cubicBezTo>
                  <a:pt x="1567220" y="4035136"/>
                  <a:pt x="1580195" y="4017076"/>
                  <a:pt x="1594929" y="4000500"/>
                </a:cubicBezTo>
                <a:cubicBezTo>
                  <a:pt x="1607946" y="3985856"/>
                  <a:pt x="1623742" y="3973812"/>
                  <a:pt x="1636493" y="3958936"/>
                </a:cubicBezTo>
                <a:cubicBezTo>
                  <a:pt x="1644620" y="3949454"/>
                  <a:pt x="1648444" y="3936594"/>
                  <a:pt x="1657275" y="3927763"/>
                </a:cubicBezTo>
                <a:cubicBezTo>
                  <a:pt x="1740403" y="3844635"/>
                  <a:pt x="1660737" y="3952011"/>
                  <a:pt x="1730011" y="3855027"/>
                </a:cubicBezTo>
                <a:cubicBezTo>
                  <a:pt x="1749547" y="3827676"/>
                  <a:pt x="1753265" y="3824356"/>
                  <a:pt x="1761184" y="3792681"/>
                </a:cubicBezTo>
                <a:cubicBezTo>
                  <a:pt x="1765467" y="3775547"/>
                  <a:pt x="1765374" y="3757263"/>
                  <a:pt x="1771575" y="3740727"/>
                </a:cubicBezTo>
                <a:cubicBezTo>
                  <a:pt x="1775960" y="3729034"/>
                  <a:pt x="1785430" y="3719945"/>
                  <a:pt x="1792357" y="3709554"/>
                </a:cubicBezTo>
                <a:cubicBezTo>
                  <a:pt x="1836127" y="3578230"/>
                  <a:pt x="1763115" y="3788174"/>
                  <a:pt x="1823529" y="3647209"/>
                </a:cubicBezTo>
                <a:cubicBezTo>
                  <a:pt x="1829155" y="3634083"/>
                  <a:pt x="1829404" y="3619193"/>
                  <a:pt x="1833920" y="3605645"/>
                </a:cubicBezTo>
                <a:cubicBezTo>
                  <a:pt x="1839818" y="3587950"/>
                  <a:pt x="1849217" y="3571518"/>
                  <a:pt x="1854702" y="3553691"/>
                </a:cubicBezTo>
                <a:cubicBezTo>
                  <a:pt x="1863102" y="3526392"/>
                  <a:pt x="1868557" y="3498272"/>
                  <a:pt x="1875484" y="3470563"/>
                </a:cubicBezTo>
                <a:cubicBezTo>
                  <a:pt x="1878948" y="3456709"/>
                  <a:pt x="1880571" y="3442259"/>
                  <a:pt x="1885875" y="3429000"/>
                </a:cubicBezTo>
                <a:cubicBezTo>
                  <a:pt x="1907222" y="3375632"/>
                  <a:pt x="1909650" y="3372513"/>
                  <a:pt x="1927438" y="3314700"/>
                </a:cubicBezTo>
                <a:cubicBezTo>
                  <a:pt x="1975293" y="3159168"/>
                  <a:pt x="1917879" y="3320221"/>
                  <a:pt x="1979393" y="3179618"/>
                </a:cubicBezTo>
                <a:cubicBezTo>
                  <a:pt x="1994346" y="3145441"/>
                  <a:pt x="1998575" y="3105553"/>
                  <a:pt x="2020957" y="3075709"/>
                </a:cubicBezTo>
                <a:cubicBezTo>
                  <a:pt x="2092476" y="2980347"/>
                  <a:pt x="2014295" y="3092095"/>
                  <a:pt x="2072911" y="2982191"/>
                </a:cubicBezTo>
                <a:cubicBezTo>
                  <a:pt x="2091920" y="2946550"/>
                  <a:pt x="2122484" y="2916601"/>
                  <a:pt x="2135257" y="2878281"/>
                </a:cubicBezTo>
                <a:cubicBezTo>
                  <a:pt x="2142184" y="2857499"/>
                  <a:pt x="2146973" y="2835878"/>
                  <a:pt x="2156038" y="2815936"/>
                </a:cubicBezTo>
                <a:cubicBezTo>
                  <a:pt x="2164395" y="2797550"/>
                  <a:pt x="2178179" y="2782045"/>
                  <a:pt x="2187211" y="2763981"/>
                </a:cubicBezTo>
                <a:cubicBezTo>
                  <a:pt x="2195553" y="2747298"/>
                  <a:pt x="2200275" y="2729007"/>
                  <a:pt x="2207993" y="2712027"/>
                </a:cubicBezTo>
                <a:cubicBezTo>
                  <a:pt x="2217608" y="2690875"/>
                  <a:pt x="2230825" y="2671367"/>
                  <a:pt x="2239166" y="2649681"/>
                </a:cubicBezTo>
                <a:cubicBezTo>
                  <a:pt x="2248218" y="2626146"/>
                  <a:pt x="2252426" y="2601013"/>
                  <a:pt x="2259947" y="2576945"/>
                </a:cubicBezTo>
                <a:cubicBezTo>
                  <a:pt x="2269748" y="2545582"/>
                  <a:pt x="2281381" y="2514809"/>
                  <a:pt x="2291120" y="2483427"/>
                </a:cubicBezTo>
                <a:cubicBezTo>
                  <a:pt x="2312557" y="2414354"/>
                  <a:pt x="2332684" y="2344882"/>
                  <a:pt x="2353466" y="2275609"/>
                </a:cubicBezTo>
                <a:cubicBezTo>
                  <a:pt x="2363857" y="2240973"/>
                  <a:pt x="2373203" y="2206006"/>
                  <a:pt x="2384638" y="2171700"/>
                </a:cubicBezTo>
                <a:cubicBezTo>
                  <a:pt x="2405420" y="2109354"/>
                  <a:pt x="2431045" y="2048419"/>
                  <a:pt x="2446984" y="1984663"/>
                </a:cubicBezTo>
                <a:cubicBezTo>
                  <a:pt x="2453911" y="1956954"/>
                  <a:pt x="2459920" y="1928999"/>
                  <a:pt x="2467766" y="1901536"/>
                </a:cubicBezTo>
                <a:cubicBezTo>
                  <a:pt x="2501728" y="1782668"/>
                  <a:pt x="2474210" y="1892591"/>
                  <a:pt x="2509329" y="1787236"/>
                </a:cubicBezTo>
                <a:cubicBezTo>
                  <a:pt x="2517303" y="1763314"/>
                  <a:pt x="2522518" y="1738545"/>
                  <a:pt x="2530111" y="1714500"/>
                </a:cubicBezTo>
                <a:cubicBezTo>
                  <a:pt x="2543304" y="1672722"/>
                  <a:pt x="2555404" y="1630487"/>
                  <a:pt x="2571675" y="1589809"/>
                </a:cubicBezTo>
                <a:cubicBezTo>
                  <a:pt x="2585529" y="1555173"/>
                  <a:pt x="2601441" y="1521290"/>
                  <a:pt x="2613238" y="1485900"/>
                </a:cubicBezTo>
                <a:lnTo>
                  <a:pt x="2634020" y="1423554"/>
                </a:lnTo>
                <a:cubicBezTo>
                  <a:pt x="2572371" y="1331081"/>
                  <a:pt x="2575228" y="1338159"/>
                  <a:pt x="2498938" y="1163781"/>
                </a:cubicBezTo>
                <a:cubicBezTo>
                  <a:pt x="2374711" y="879834"/>
                  <a:pt x="2455356" y="1072256"/>
                  <a:pt x="2301511" y="665018"/>
                </a:cubicBezTo>
                <a:cubicBezTo>
                  <a:pt x="2284462" y="619888"/>
                  <a:pt x="2260405" y="576943"/>
                  <a:pt x="2249557" y="529936"/>
                </a:cubicBezTo>
                <a:cubicBezTo>
                  <a:pt x="2229005" y="440876"/>
                  <a:pt x="2213878" y="367221"/>
                  <a:pt x="2187211" y="280554"/>
                </a:cubicBezTo>
                <a:cubicBezTo>
                  <a:pt x="2171106" y="228211"/>
                  <a:pt x="2152575" y="176645"/>
                  <a:pt x="2135257" y="124691"/>
                </a:cubicBezTo>
                <a:lnTo>
                  <a:pt x="2104084" y="31172"/>
                </a:lnTo>
                <a:lnTo>
                  <a:pt x="2093693" y="0"/>
                </a:lnTo>
                <a:lnTo>
                  <a:pt x="2020957" y="20781"/>
                </a:lnTo>
                <a:cubicBezTo>
                  <a:pt x="2010466" y="23928"/>
                  <a:pt x="1999851" y="26857"/>
                  <a:pt x="1989784" y="31172"/>
                </a:cubicBezTo>
                <a:cubicBezTo>
                  <a:pt x="1953796" y="46596"/>
                  <a:pt x="1916097" y="70012"/>
                  <a:pt x="1885875" y="93518"/>
                </a:cubicBezTo>
                <a:cubicBezTo>
                  <a:pt x="1854702" y="117763"/>
                  <a:pt x="1825216" y="144348"/>
                  <a:pt x="1792357" y="166254"/>
                </a:cubicBezTo>
                <a:cubicBezTo>
                  <a:pt x="1781966" y="173181"/>
                  <a:pt x="1773534" y="185183"/>
                  <a:pt x="1761184" y="187036"/>
                </a:cubicBezTo>
                <a:cubicBezTo>
                  <a:pt x="1702853" y="195786"/>
                  <a:pt x="1643420" y="193963"/>
                  <a:pt x="1584538" y="197427"/>
                </a:cubicBezTo>
                <a:cubicBezTo>
                  <a:pt x="1574147" y="200891"/>
                  <a:pt x="1563897" y="204809"/>
                  <a:pt x="1553366" y="207818"/>
                </a:cubicBezTo>
                <a:cubicBezTo>
                  <a:pt x="1539634" y="211741"/>
                  <a:pt x="1525481" y="214105"/>
                  <a:pt x="1511802" y="218209"/>
                </a:cubicBezTo>
                <a:cubicBezTo>
                  <a:pt x="1490820" y="224504"/>
                  <a:pt x="1449457" y="238991"/>
                  <a:pt x="1449457" y="238991"/>
                </a:cubicBezTo>
                <a:cubicBezTo>
                  <a:pt x="1435602" y="235527"/>
                  <a:pt x="1419776" y="236522"/>
                  <a:pt x="1407893" y="228600"/>
                </a:cubicBezTo>
                <a:cubicBezTo>
                  <a:pt x="1397502" y="221673"/>
                  <a:pt x="1399503" y="195878"/>
                  <a:pt x="1387111" y="197427"/>
                </a:cubicBezTo>
                <a:cubicBezTo>
                  <a:pt x="1362327" y="200525"/>
                  <a:pt x="1324766" y="238991"/>
                  <a:pt x="1324766" y="238991"/>
                </a:cubicBezTo>
                <a:cubicBezTo>
                  <a:pt x="1317839" y="228600"/>
                  <a:pt x="1303984" y="220306"/>
                  <a:pt x="1303984" y="207818"/>
                </a:cubicBezTo>
                <a:cubicBezTo>
                  <a:pt x="1303984" y="195330"/>
                  <a:pt x="1314176" y="183264"/>
                  <a:pt x="1324766" y="176645"/>
                </a:cubicBezTo>
                <a:cubicBezTo>
                  <a:pt x="1343342" y="165035"/>
                  <a:pt x="1387111" y="133957"/>
                  <a:pt x="1387111" y="155863"/>
                </a:cubicBezTo>
                <a:lnTo>
                  <a:pt x="1428675" y="166254"/>
                </a:lnTo>
                <a:close/>
              </a:path>
            </a:pathLst>
          </a:custGeom>
          <a:solidFill>
            <a:srgbClr val="FFFFFF">
              <a:alpha val="70980"/>
            </a:srgbClr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7796765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4" name="Group 43">
            <a:extLst>
              <a:ext uri="{FF2B5EF4-FFF2-40B4-BE49-F238E27FC236}">
                <a16:creationId xmlns:a16="http://schemas.microsoft.com/office/drawing/2014/main" id="{21074245-BE43-19DA-59E5-AE3D5A63FA31}"/>
              </a:ext>
            </a:extLst>
          </p:cNvPr>
          <p:cNvGrpSpPr/>
          <p:nvPr/>
        </p:nvGrpSpPr>
        <p:grpSpPr>
          <a:xfrm>
            <a:off x="1126136" y="1633079"/>
            <a:ext cx="5080000" cy="2134824"/>
            <a:chOff x="1710308" y="2209924"/>
            <a:chExt cx="5080000" cy="2134824"/>
          </a:xfrm>
        </p:grpSpPr>
        <p:pic>
          <p:nvPicPr>
            <p:cNvPr id="43" name="Picture 2">
              <a:extLst>
                <a:ext uri="{FF2B5EF4-FFF2-40B4-BE49-F238E27FC236}">
                  <a16:creationId xmlns:a16="http://schemas.microsoft.com/office/drawing/2014/main" id="{B3BB57FF-7341-ADDD-7693-64BD97D7E3C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32761"/>
            <a:stretch/>
          </p:blipFill>
          <p:spPr bwMode="auto">
            <a:xfrm>
              <a:off x="1710308" y="2209924"/>
              <a:ext cx="5080000" cy="21348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EFF7BFFA-5A63-BF09-FAFC-620507CD1409}"/>
                </a:ext>
              </a:extLst>
            </p:cNvPr>
            <p:cNvSpPr/>
            <p:nvPr/>
          </p:nvSpPr>
          <p:spPr bwMode="auto">
            <a:xfrm>
              <a:off x="3749949" y="3264661"/>
              <a:ext cx="3040359" cy="1072299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0503" t="67480"/>
          <a:stretch/>
        </p:blipFill>
        <p:spPr bwMode="auto">
          <a:xfrm>
            <a:off x="4806530" y="4369993"/>
            <a:ext cx="2006434" cy="10325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A43C54E-525E-38C7-BE0E-419B0666AB1B}"/>
              </a:ext>
            </a:extLst>
          </p:cNvPr>
          <p:cNvSpPr txBox="1"/>
          <p:nvPr/>
        </p:nvSpPr>
        <p:spPr>
          <a:xfrm>
            <a:off x="8542684" y="3090291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3D6BFE3-6C71-BA0C-DDB9-74E4A19D9977}"/>
              </a:ext>
            </a:extLst>
          </p:cNvPr>
          <p:cNvSpPr txBox="1"/>
          <p:nvPr/>
        </p:nvSpPr>
        <p:spPr>
          <a:xfrm>
            <a:off x="8542684" y="3312045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6476B925-CE55-20D9-B369-50CFE0F084FA}"/>
              </a:ext>
            </a:extLst>
          </p:cNvPr>
          <p:cNvSpPr/>
          <p:nvPr/>
        </p:nvSpPr>
        <p:spPr bwMode="auto">
          <a:xfrm>
            <a:off x="8527444" y="2904773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8CC9A14-12F0-01BB-B9E5-AC6E2D0CDD37}"/>
              </a:ext>
            </a:extLst>
          </p:cNvPr>
          <p:cNvSpPr/>
          <p:nvPr/>
        </p:nvSpPr>
        <p:spPr bwMode="auto">
          <a:xfrm>
            <a:off x="9447706" y="2904773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DA297CC1-7E88-2FA9-C460-085A3B211984}"/>
              </a:ext>
            </a:extLst>
          </p:cNvPr>
          <p:cNvSpPr/>
          <p:nvPr/>
        </p:nvSpPr>
        <p:spPr bwMode="auto">
          <a:xfrm>
            <a:off x="10352729" y="2907436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0CB6E8A-5CBA-4452-7261-4EAD2C3A7C4E}"/>
              </a:ext>
            </a:extLst>
          </p:cNvPr>
          <p:cNvSpPr txBox="1"/>
          <p:nvPr/>
        </p:nvSpPr>
        <p:spPr>
          <a:xfrm>
            <a:off x="8946640" y="1938451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4E8A2085-57B5-FCC9-6411-04CD3358C1A5}"/>
              </a:ext>
            </a:extLst>
          </p:cNvPr>
          <p:cNvSpPr/>
          <p:nvPr/>
        </p:nvSpPr>
        <p:spPr bwMode="auto">
          <a:xfrm>
            <a:off x="8946640" y="1703738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2FF3E4E2-E940-9E72-3DB0-6FE3A9295644}"/>
              </a:ext>
            </a:extLst>
          </p:cNvPr>
          <p:cNvSpPr/>
          <p:nvPr/>
        </p:nvSpPr>
        <p:spPr bwMode="auto">
          <a:xfrm>
            <a:off x="9412482" y="5007263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C8DE5CF-76F6-B07A-19D4-FF8FC63102A1}"/>
              </a:ext>
            </a:extLst>
          </p:cNvPr>
          <p:cNvSpPr txBox="1"/>
          <p:nvPr/>
        </p:nvSpPr>
        <p:spPr>
          <a:xfrm>
            <a:off x="9008088" y="2189908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8E56ABA-52F3-A8A7-7F65-185ECCBEA05B}"/>
              </a:ext>
            </a:extLst>
          </p:cNvPr>
          <p:cNvSpPr txBox="1"/>
          <p:nvPr/>
        </p:nvSpPr>
        <p:spPr>
          <a:xfrm>
            <a:off x="9391072" y="5233158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B54C92BB-4A5F-2808-89A4-91F59215443F}"/>
              </a:ext>
            </a:extLst>
          </p:cNvPr>
          <p:cNvSpPr/>
          <p:nvPr/>
        </p:nvSpPr>
        <p:spPr bwMode="auto">
          <a:xfrm>
            <a:off x="9866806" y="1705992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ACA3883-00E2-BE86-4F25-210D64E3CA8B}"/>
              </a:ext>
            </a:extLst>
          </p:cNvPr>
          <p:cNvSpPr txBox="1"/>
          <p:nvPr/>
        </p:nvSpPr>
        <p:spPr>
          <a:xfrm>
            <a:off x="9452520" y="5451533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0EF1E4A1-CFC0-AD40-FB1D-70AF4334A4AE}"/>
              </a:ext>
            </a:extLst>
          </p:cNvPr>
          <p:cNvCxnSpPr/>
          <p:nvPr/>
        </p:nvCxnSpPr>
        <p:spPr bwMode="auto">
          <a:xfrm flipV="1">
            <a:off x="8671460" y="2442219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A397880C-BC28-7B3D-A611-61BA7EAA6B10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174106" y="2442219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57456E69-0072-3C8A-4AAA-64BB13DB9250}"/>
              </a:ext>
            </a:extLst>
          </p:cNvPr>
          <p:cNvCxnSpPr/>
          <p:nvPr/>
        </p:nvCxnSpPr>
        <p:spPr bwMode="auto">
          <a:xfrm flipV="1">
            <a:off x="9619479" y="2450666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D9CD1D63-A2CD-A9CC-2C72-505A8D52449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22125" y="2450666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36B17903-B177-0271-99B9-9BAECCEF5703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5955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B62A6019-9D70-CD50-2599-CA0E41272D76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6332" y="3545955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24A6B465-FB76-69BB-2947-3B99509752ED}"/>
              </a:ext>
            </a:extLst>
          </p:cNvPr>
          <p:cNvSpPr/>
          <p:nvPr/>
        </p:nvSpPr>
        <p:spPr bwMode="auto">
          <a:xfrm>
            <a:off x="9416323" y="3934613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9D9ED3B-FA2B-5D30-42EC-16DA9EACDFAF}"/>
              </a:ext>
            </a:extLst>
          </p:cNvPr>
          <p:cNvSpPr txBox="1"/>
          <p:nvPr/>
        </p:nvSpPr>
        <p:spPr>
          <a:xfrm>
            <a:off x="9343085" y="4161511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26CC679-F6D0-D651-DA68-77356D34DD52}"/>
              </a:ext>
            </a:extLst>
          </p:cNvPr>
          <p:cNvSpPr txBox="1"/>
          <p:nvPr/>
        </p:nvSpPr>
        <p:spPr>
          <a:xfrm>
            <a:off x="9466793" y="4375192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7B2D31D-472D-8F7E-9335-97BCE365F5AF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9251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52A973E-8A44-4E5F-0B07-A05AA63B15FF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7849" y="3551685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B7348F8-29B5-7179-2AFD-0BAFE11DFA77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519715" y="3545955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Freeform 32">
            <a:extLst>
              <a:ext uri="{FF2B5EF4-FFF2-40B4-BE49-F238E27FC236}">
                <a16:creationId xmlns:a16="http://schemas.microsoft.com/office/drawing/2014/main" id="{5E5CC716-84B5-DE3F-4530-58AADEF89F61}"/>
              </a:ext>
            </a:extLst>
          </p:cNvPr>
          <p:cNvSpPr/>
          <p:nvPr/>
        </p:nvSpPr>
        <p:spPr bwMode="auto">
          <a:xfrm>
            <a:off x="8546598" y="1413164"/>
            <a:ext cx="2634020" cy="4364181"/>
          </a:xfrm>
          <a:custGeom>
            <a:avLst/>
            <a:gdLst>
              <a:gd name="connsiteX0" fmla="*/ 1428675 w 2634020"/>
              <a:gd name="connsiteY0" fmla="*/ 166254 h 4364181"/>
              <a:gd name="connsiteX1" fmla="*/ 1324766 w 2634020"/>
              <a:gd name="connsiteY1" fmla="*/ 197427 h 4364181"/>
              <a:gd name="connsiteX2" fmla="*/ 1241638 w 2634020"/>
              <a:gd name="connsiteY2" fmla="*/ 259772 h 4364181"/>
              <a:gd name="connsiteX3" fmla="*/ 1210466 w 2634020"/>
              <a:gd name="connsiteY3" fmla="*/ 280554 h 4364181"/>
              <a:gd name="connsiteX4" fmla="*/ 1168902 w 2634020"/>
              <a:gd name="connsiteY4" fmla="*/ 342900 h 4364181"/>
              <a:gd name="connsiteX5" fmla="*/ 1116947 w 2634020"/>
              <a:gd name="connsiteY5" fmla="*/ 426027 h 4364181"/>
              <a:gd name="connsiteX6" fmla="*/ 1085775 w 2634020"/>
              <a:gd name="connsiteY6" fmla="*/ 509154 h 4364181"/>
              <a:gd name="connsiteX7" fmla="*/ 1054602 w 2634020"/>
              <a:gd name="connsiteY7" fmla="*/ 623454 h 4364181"/>
              <a:gd name="connsiteX8" fmla="*/ 1044211 w 2634020"/>
              <a:gd name="connsiteY8" fmla="*/ 727363 h 4364181"/>
              <a:gd name="connsiteX9" fmla="*/ 1033820 w 2634020"/>
              <a:gd name="connsiteY9" fmla="*/ 987136 h 4364181"/>
              <a:gd name="connsiteX10" fmla="*/ 1023429 w 2634020"/>
              <a:gd name="connsiteY10" fmla="*/ 1070263 h 4364181"/>
              <a:gd name="connsiteX11" fmla="*/ 1002647 w 2634020"/>
              <a:gd name="connsiteY11" fmla="*/ 1174172 h 4364181"/>
              <a:gd name="connsiteX12" fmla="*/ 1013038 w 2634020"/>
              <a:gd name="connsiteY12" fmla="*/ 1423554 h 4364181"/>
              <a:gd name="connsiteX13" fmla="*/ 1023429 w 2634020"/>
              <a:gd name="connsiteY13" fmla="*/ 1454727 h 4364181"/>
              <a:gd name="connsiteX14" fmla="*/ 1054602 w 2634020"/>
              <a:gd name="connsiteY14" fmla="*/ 1496291 h 4364181"/>
              <a:gd name="connsiteX15" fmla="*/ 1137729 w 2634020"/>
              <a:gd name="connsiteY15" fmla="*/ 1579418 h 4364181"/>
              <a:gd name="connsiteX16" fmla="*/ 1168902 w 2634020"/>
              <a:gd name="connsiteY16" fmla="*/ 1610591 h 4364181"/>
              <a:gd name="connsiteX17" fmla="*/ 1200075 w 2634020"/>
              <a:gd name="connsiteY17" fmla="*/ 1652154 h 4364181"/>
              <a:gd name="connsiteX18" fmla="*/ 1231247 w 2634020"/>
              <a:gd name="connsiteY18" fmla="*/ 1704109 h 4364181"/>
              <a:gd name="connsiteX19" fmla="*/ 1293593 w 2634020"/>
              <a:gd name="connsiteY19" fmla="*/ 1808018 h 4364181"/>
              <a:gd name="connsiteX20" fmla="*/ 1303984 w 2634020"/>
              <a:gd name="connsiteY20" fmla="*/ 1839191 h 4364181"/>
              <a:gd name="connsiteX21" fmla="*/ 1314375 w 2634020"/>
              <a:gd name="connsiteY21" fmla="*/ 1880754 h 4364181"/>
              <a:gd name="connsiteX22" fmla="*/ 1335157 w 2634020"/>
              <a:gd name="connsiteY22" fmla="*/ 1911927 h 4364181"/>
              <a:gd name="connsiteX23" fmla="*/ 1345547 w 2634020"/>
              <a:gd name="connsiteY23" fmla="*/ 1974272 h 4364181"/>
              <a:gd name="connsiteX24" fmla="*/ 1355938 w 2634020"/>
              <a:gd name="connsiteY24" fmla="*/ 2015836 h 4364181"/>
              <a:gd name="connsiteX25" fmla="*/ 1314375 w 2634020"/>
              <a:gd name="connsiteY25" fmla="*/ 2119745 h 4364181"/>
              <a:gd name="connsiteX26" fmla="*/ 1231247 w 2634020"/>
              <a:gd name="connsiteY26" fmla="*/ 2150918 h 4364181"/>
              <a:gd name="connsiteX27" fmla="*/ 1116947 w 2634020"/>
              <a:gd name="connsiteY27" fmla="*/ 2140527 h 4364181"/>
              <a:gd name="connsiteX28" fmla="*/ 1054602 w 2634020"/>
              <a:gd name="connsiteY28" fmla="*/ 2119745 h 4364181"/>
              <a:gd name="connsiteX29" fmla="*/ 961084 w 2634020"/>
              <a:gd name="connsiteY29" fmla="*/ 2140527 h 4364181"/>
              <a:gd name="connsiteX30" fmla="*/ 888347 w 2634020"/>
              <a:gd name="connsiteY30" fmla="*/ 2161309 h 4364181"/>
              <a:gd name="connsiteX31" fmla="*/ 566229 w 2634020"/>
              <a:gd name="connsiteY31" fmla="*/ 2182091 h 4364181"/>
              <a:gd name="connsiteX32" fmla="*/ 192157 w 2634020"/>
              <a:gd name="connsiteY32" fmla="*/ 2171700 h 4364181"/>
              <a:gd name="connsiteX33" fmla="*/ 129811 w 2634020"/>
              <a:gd name="connsiteY33" fmla="*/ 2150918 h 4364181"/>
              <a:gd name="connsiteX34" fmla="*/ 98638 w 2634020"/>
              <a:gd name="connsiteY34" fmla="*/ 2140527 h 4364181"/>
              <a:gd name="connsiteX35" fmla="*/ 67466 w 2634020"/>
              <a:gd name="connsiteY35" fmla="*/ 2130136 h 4364181"/>
              <a:gd name="connsiteX36" fmla="*/ 5120 w 2634020"/>
              <a:gd name="connsiteY36" fmla="*/ 2140527 h 4364181"/>
              <a:gd name="connsiteX37" fmla="*/ 25902 w 2634020"/>
              <a:gd name="connsiteY37" fmla="*/ 2296391 h 4364181"/>
              <a:gd name="connsiteX38" fmla="*/ 36293 w 2634020"/>
              <a:gd name="connsiteY38" fmla="*/ 2358736 h 4364181"/>
              <a:gd name="connsiteX39" fmla="*/ 57075 w 2634020"/>
              <a:gd name="connsiteY39" fmla="*/ 2421081 h 4364181"/>
              <a:gd name="connsiteX40" fmla="*/ 67466 w 2634020"/>
              <a:gd name="connsiteY40" fmla="*/ 2452254 h 4364181"/>
              <a:gd name="connsiteX41" fmla="*/ 109029 w 2634020"/>
              <a:gd name="connsiteY41" fmla="*/ 2524991 h 4364181"/>
              <a:gd name="connsiteX42" fmla="*/ 129811 w 2634020"/>
              <a:gd name="connsiteY42" fmla="*/ 2576945 h 4364181"/>
              <a:gd name="connsiteX43" fmla="*/ 171375 w 2634020"/>
              <a:gd name="connsiteY43" fmla="*/ 2639291 h 4364181"/>
              <a:gd name="connsiteX44" fmla="*/ 202547 w 2634020"/>
              <a:gd name="connsiteY44" fmla="*/ 2722418 h 4364181"/>
              <a:gd name="connsiteX45" fmla="*/ 244111 w 2634020"/>
              <a:gd name="connsiteY45" fmla="*/ 2805545 h 4364181"/>
              <a:gd name="connsiteX46" fmla="*/ 296066 w 2634020"/>
              <a:gd name="connsiteY46" fmla="*/ 2930236 h 4364181"/>
              <a:gd name="connsiteX47" fmla="*/ 337629 w 2634020"/>
              <a:gd name="connsiteY47" fmla="*/ 3034145 h 4364181"/>
              <a:gd name="connsiteX48" fmla="*/ 348020 w 2634020"/>
              <a:gd name="connsiteY48" fmla="*/ 3491345 h 4364181"/>
              <a:gd name="connsiteX49" fmla="*/ 368802 w 2634020"/>
              <a:gd name="connsiteY49" fmla="*/ 3564081 h 4364181"/>
              <a:gd name="connsiteX50" fmla="*/ 399975 w 2634020"/>
              <a:gd name="connsiteY50" fmla="*/ 3678381 h 4364181"/>
              <a:gd name="connsiteX51" fmla="*/ 420757 w 2634020"/>
              <a:gd name="connsiteY51" fmla="*/ 3761509 h 4364181"/>
              <a:gd name="connsiteX52" fmla="*/ 431147 w 2634020"/>
              <a:gd name="connsiteY52" fmla="*/ 3803072 h 4364181"/>
              <a:gd name="connsiteX53" fmla="*/ 451929 w 2634020"/>
              <a:gd name="connsiteY53" fmla="*/ 3865418 h 4364181"/>
              <a:gd name="connsiteX54" fmla="*/ 462320 w 2634020"/>
              <a:gd name="connsiteY54" fmla="*/ 3906981 h 4364181"/>
              <a:gd name="connsiteX55" fmla="*/ 514275 w 2634020"/>
              <a:gd name="connsiteY55" fmla="*/ 3990109 h 4364181"/>
              <a:gd name="connsiteX56" fmla="*/ 566229 w 2634020"/>
              <a:gd name="connsiteY56" fmla="*/ 4052454 h 4364181"/>
              <a:gd name="connsiteX57" fmla="*/ 607793 w 2634020"/>
              <a:gd name="connsiteY57" fmla="*/ 4114800 h 4364181"/>
              <a:gd name="connsiteX58" fmla="*/ 618184 w 2634020"/>
              <a:gd name="connsiteY58" fmla="*/ 4145972 h 4364181"/>
              <a:gd name="connsiteX59" fmla="*/ 701311 w 2634020"/>
              <a:gd name="connsiteY59" fmla="*/ 4187536 h 4364181"/>
              <a:gd name="connsiteX60" fmla="*/ 784438 w 2634020"/>
              <a:gd name="connsiteY60" fmla="*/ 4281054 h 4364181"/>
              <a:gd name="connsiteX61" fmla="*/ 826002 w 2634020"/>
              <a:gd name="connsiteY61" fmla="*/ 4312227 h 4364181"/>
              <a:gd name="connsiteX62" fmla="*/ 898738 w 2634020"/>
              <a:gd name="connsiteY62" fmla="*/ 4353791 h 4364181"/>
              <a:gd name="connsiteX63" fmla="*/ 929911 w 2634020"/>
              <a:gd name="connsiteY63" fmla="*/ 4364181 h 4364181"/>
              <a:gd name="connsiteX64" fmla="*/ 1168902 w 2634020"/>
              <a:gd name="connsiteY64" fmla="*/ 4353791 h 4364181"/>
              <a:gd name="connsiteX65" fmla="*/ 1200075 w 2634020"/>
              <a:gd name="connsiteY65" fmla="*/ 4343400 h 4364181"/>
              <a:gd name="connsiteX66" fmla="*/ 1231247 w 2634020"/>
              <a:gd name="connsiteY66" fmla="*/ 4322618 h 4364181"/>
              <a:gd name="connsiteX67" fmla="*/ 1335157 w 2634020"/>
              <a:gd name="connsiteY67" fmla="*/ 4229100 h 4364181"/>
              <a:gd name="connsiteX68" fmla="*/ 1376720 w 2634020"/>
              <a:gd name="connsiteY68" fmla="*/ 4197927 h 4364181"/>
              <a:gd name="connsiteX69" fmla="*/ 1418284 w 2634020"/>
              <a:gd name="connsiteY69" fmla="*/ 4156363 h 4364181"/>
              <a:gd name="connsiteX70" fmla="*/ 1501411 w 2634020"/>
              <a:gd name="connsiteY70" fmla="*/ 4094018 h 4364181"/>
              <a:gd name="connsiteX71" fmla="*/ 1553366 w 2634020"/>
              <a:gd name="connsiteY71" fmla="*/ 4052454 h 4364181"/>
              <a:gd name="connsiteX72" fmla="*/ 1594929 w 2634020"/>
              <a:gd name="connsiteY72" fmla="*/ 4000500 h 4364181"/>
              <a:gd name="connsiteX73" fmla="*/ 1636493 w 2634020"/>
              <a:gd name="connsiteY73" fmla="*/ 3958936 h 4364181"/>
              <a:gd name="connsiteX74" fmla="*/ 1657275 w 2634020"/>
              <a:gd name="connsiteY74" fmla="*/ 3927763 h 4364181"/>
              <a:gd name="connsiteX75" fmla="*/ 1730011 w 2634020"/>
              <a:gd name="connsiteY75" fmla="*/ 3855027 h 4364181"/>
              <a:gd name="connsiteX76" fmla="*/ 1761184 w 2634020"/>
              <a:gd name="connsiteY76" fmla="*/ 3792681 h 4364181"/>
              <a:gd name="connsiteX77" fmla="*/ 1771575 w 2634020"/>
              <a:gd name="connsiteY77" fmla="*/ 3740727 h 4364181"/>
              <a:gd name="connsiteX78" fmla="*/ 1792357 w 2634020"/>
              <a:gd name="connsiteY78" fmla="*/ 3709554 h 4364181"/>
              <a:gd name="connsiteX79" fmla="*/ 1823529 w 2634020"/>
              <a:gd name="connsiteY79" fmla="*/ 3647209 h 4364181"/>
              <a:gd name="connsiteX80" fmla="*/ 1833920 w 2634020"/>
              <a:gd name="connsiteY80" fmla="*/ 3605645 h 4364181"/>
              <a:gd name="connsiteX81" fmla="*/ 1854702 w 2634020"/>
              <a:gd name="connsiteY81" fmla="*/ 3553691 h 4364181"/>
              <a:gd name="connsiteX82" fmla="*/ 1875484 w 2634020"/>
              <a:gd name="connsiteY82" fmla="*/ 3470563 h 4364181"/>
              <a:gd name="connsiteX83" fmla="*/ 1885875 w 2634020"/>
              <a:gd name="connsiteY83" fmla="*/ 3429000 h 4364181"/>
              <a:gd name="connsiteX84" fmla="*/ 1927438 w 2634020"/>
              <a:gd name="connsiteY84" fmla="*/ 3314700 h 4364181"/>
              <a:gd name="connsiteX85" fmla="*/ 1979393 w 2634020"/>
              <a:gd name="connsiteY85" fmla="*/ 3179618 h 4364181"/>
              <a:gd name="connsiteX86" fmla="*/ 2020957 w 2634020"/>
              <a:gd name="connsiteY86" fmla="*/ 3075709 h 4364181"/>
              <a:gd name="connsiteX87" fmla="*/ 2072911 w 2634020"/>
              <a:gd name="connsiteY87" fmla="*/ 2982191 h 4364181"/>
              <a:gd name="connsiteX88" fmla="*/ 2135257 w 2634020"/>
              <a:gd name="connsiteY88" fmla="*/ 2878281 h 4364181"/>
              <a:gd name="connsiteX89" fmla="*/ 2156038 w 2634020"/>
              <a:gd name="connsiteY89" fmla="*/ 2815936 h 4364181"/>
              <a:gd name="connsiteX90" fmla="*/ 2187211 w 2634020"/>
              <a:gd name="connsiteY90" fmla="*/ 2763981 h 4364181"/>
              <a:gd name="connsiteX91" fmla="*/ 2207993 w 2634020"/>
              <a:gd name="connsiteY91" fmla="*/ 2712027 h 4364181"/>
              <a:gd name="connsiteX92" fmla="*/ 2239166 w 2634020"/>
              <a:gd name="connsiteY92" fmla="*/ 2649681 h 4364181"/>
              <a:gd name="connsiteX93" fmla="*/ 2259947 w 2634020"/>
              <a:gd name="connsiteY93" fmla="*/ 2576945 h 4364181"/>
              <a:gd name="connsiteX94" fmla="*/ 2291120 w 2634020"/>
              <a:gd name="connsiteY94" fmla="*/ 2483427 h 4364181"/>
              <a:gd name="connsiteX95" fmla="*/ 2353466 w 2634020"/>
              <a:gd name="connsiteY95" fmla="*/ 2275609 h 4364181"/>
              <a:gd name="connsiteX96" fmla="*/ 2384638 w 2634020"/>
              <a:gd name="connsiteY96" fmla="*/ 2171700 h 4364181"/>
              <a:gd name="connsiteX97" fmla="*/ 2446984 w 2634020"/>
              <a:gd name="connsiteY97" fmla="*/ 1984663 h 4364181"/>
              <a:gd name="connsiteX98" fmla="*/ 2467766 w 2634020"/>
              <a:gd name="connsiteY98" fmla="*/ 1901536 h 4364181"/>
              <a:gd name="connsiteX99" fmla="*/ 2509329 w 2634020"/>
              <a:gd name="connsiteY99" fmla="*/ 1787236 h 4364181"/>
              <a:gd name="connsiteX100" fmla="*/ 2530111 w 2634020"/>
              <a:gd name="connsiteY100" fmla="*/ 1714500 h 4364181"/>
              <a:gd name="connsiteX101" fmla="*/ 2571675 w 2634020"/>
              <a:gd name="connsiteY101" fmla="*/ 1589809 h 4364181"/>
              <a:gd name="connsiteX102" fmla="*/ 2613238 w 2634020"/>
              <a:gd name="connsiteY102" fmla="*/ 1485900 h 4364181"/>
              <a:gd name="connsiteX103" fmla="*/ 2634020 w 2634020"/>
              <a:gd name="connsiteY103" fmla="*/ 1423554 h 4364181"/>
              <a:gd name="connsiteX104" fmla="*/ 2498938 w 2634020"/>
              <a:gd name="connsiteY104" fmla="*/ 1163781 h 4364181"/>
              <a:gd name="connsiteX105" fmla="*/ 2301511 w 2634020"/>
              <a:gd name="connsiteY105" fmla="*/ 665018 h 4364181"/>
              <a:gd name="connsiteX106" fmla="*/ 2249557 w 2634020"/>
              <a:gd name="connsiteY106" fmla="*/ 529936 h 4364181"/>
              <a:gd name="connsiteX107" fmla="*/ 2187211 w 2634020"/>
              <a:gd name="connsiteY107" fmla="*/ 280554 h 4364181"/>
              <a:gd name="connsiteX108" fmla="*/ 2135257 w 2634020"/>
              <a:gd name="connsiteY108" fmla="*/ 124691 h 4364181"/>
              <a:gd name="connsiteX109" fmla="*/ 2104084 w 2634020"/>
              <a:gd name="connsiteY109" fmla="*/ 31172 h 4364181"/>
              <a:gd name="connsiteX110" fmla="*/ 2093693 w 2634020"/>
              <a:gd name="connsiteY110" fmla="*/ 0 h 4364181"/>
              <a:gd name="connsiteX111" fmla="*/ 2020957 w 2634020"/>
              <a:gd name="connsiteY111" fmla="*/ 20781 h 4364181"/>
              <a:gd name="connsiteX112" fmla="*/ 1989784 w 2634020"/>
              <a:gd name="connsiteY112" fmla="*/ 31172 h 4364181"/>
              <a:gd name="connsiteX113" fmla="*/ 1885875 w 2634020"/>
              <a:gd name="connsiteY113" fmla="*/ 93518 h 4364181"/>
              <a:gd name="connsiteX114" fmla="*/ 1792357 w 2634020"/>
              <a:gd name="connsiteY114" fmla="*/ 166254 h 4364181"/>
              <a:gd name="connsiteX115" fmla="*/ 1761184 w 2634020"/>
              <a:gd name="connsiteY115" fmla="*/ 187036 h 4364181"/>
              <a:gd name="connsiteX116" fmla="*/ 1584538 w 2634020"/>
              <a:gd name="connsiteY116" fmla="*/ 197427 h 4364181"/>
              <a:gd name="connsiteX117" fmla="*/ 1553366 w 2634020"/>
              <a:gd name="connsiteY117" fmla="*/ 207818 h 4364181"/>
              <a:gd name="connsiteX118" fmla="*/ 1511802 w 2634020"/>
              <a:gd name="connsiteY118" fmla="*/ 218209 h 4364181"/>
              <a:gd name="connsiteX119" fmla="*/ 1449457 w 2634020"/>
              <a:gd name="connsiteY119" fmla="*/ 238991 h 4364181"/>
              <a:gd name="connsiteX120" fmla="*/ 1407893 w 2634020"/>
              <a:gd name="connsiteY120" fmla="*/ 228600 h 4364181"/>
              <a:gd name="connsiteX121" fmla="*/ 1387111 w 2634020"/>
              <a:gd name="connsiteY121" fmla="*/ 197427 h 4364181"/>
              <a:gd name="connsiteX122" fmla="*/ 1324766 w 2634020"/>
              <a:gd name="connsiteY122" fmla="*/ 238991 h 4364181"/>
              <a:gd name="connsiteX123" fmla="*/ 1303984 w 2634020"/>
              <a:gd name="connsiteY123" fmla="*/ 207818 h 4364181"/>
              <a:gd name="connsiteX124" fmla="*/ 1324766 w 2634020"/>
              <a:gd name="connsiteY124" fmla="*/ 176645 h 4364181"/>
              <a:gd name="connsiteX125" fmla="*/ 1387111 w 2634020"/>
              <a:gd name="connsiteY125" fmla="*/ 155863 h 4364181"/>
              <a:gd name="connsiteX126" fmla="*/ 1428675 w 2634020"/>
              <a:gd name="connsiteY126" fmla="*/ 166254 h 4364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</a:cxnLst>
            <a:rect l="l" t="t" r="r" b="b"/>
            <a:pathLst>
              <a:path w="2634020" h="4364181">
                <a:moveTo>
                  <a:pt x="1428675" y="166254"/>
                </a:moveTo>
                <a:cubicBezTo>
                  <a:pt x="1394039" y="176645"/>
                  <a:pt x="1358341" y="183997"/>
                  <a:pt x="1324766" y="197427"/>
                </a:cubicBezTo>
                <a:cubicBezTo>
                  <a:pt x="1265981" y="220941"/>
                  <a:pt x="1282893" y="225393"/>
                  <a:pt x="1241638" y="259772"/>
                </a:cubicBezTo>
                <a:cubicBezTo>
                  <a:pt x="1232044" y="267767"/>
                  <a:pt x="1220857" y="273627"/>
                  <a:pt x="1210466" y="280554"/>
                </a:cubicBezTo>
                <a:cubicBezTo>
                  <a:pt x="1196611" y="301336"/>
                  <a:pt x="1181753" y="321483"/>
                  <a:pt x="1168902" y="342900"/>
                </a:cubicBezTo>
                <a:cubicBezTo>
                  <a:pt x="1111849" y="437987"/>
                  <a:pt x="1189307" y="329547"/>
                  <a:pt x="1116947" y="426027"/>
                </a:cubicBezTo>
                <a:cubicBezTo>
                  <a:pt x="1094453" y="516012"/>
                  <a:pt x="1121998" y="418597"/>
                  <a:pt x="1085775" y="509154"/>
                </a:cubicBezTo>
                <a:cubicBezTo>
                  <a:pt x="1064682" y="561886"/>
                  <a:pt x="1065037" y="571278"/>
                  <a:pt x="1054602" y="623454"/>
                </a:cubicBezTo>
                <a:cubicBezTo>
                  <a:pt x="1051138" y="658090"/>
                  <a:pt x="1046197" y="692611"/>
                  <a:pt x="1044211" y="727363"/>
                </a:cubicBezTo>
                <a:cubicBezTo>
                  <a:pt x="1039267" y="813882"/>
                  <a:pt x="1039063" y="900634"/>
                  <a:pt x="1033820" y="987136"/>
                </a:cubicBezTo>
                <a:cubicBezTo>
                  <a:pt x="1032131" y="1015009"/>
                  <a:pt x="1027378" y="1042619"/>
                  <a:pt x="1023429" y="1070263"/>
                </a:cubicBezTo>
                <a:cubicBezTo>
                  <a:pt x="1014936" y="1129712"/>
                  <a:pt x="1015270" y="1123681"/>
                  <a:pt x="1002647" y="1174172"/>
                </a:cubicBezTo>
                <a:cubicBezTo>
                  <a:pt x="1006111" y="1257299"/>
                  <a:pt x="1006892" y="1340582"/>
                  <a:pt x="1013038" y="1423554"/>
                </a:cubicBezTo>
                <a:cubicBezTo>
                  <a:pt x="1013847" y="1434477"/>
                  <a:pt x="1017995" y="1445217"/>
                  <a:pt x="1023429" y="1454727"/>
                </a:cubicBezTo>
                <a:cubicBezTo>
                  <a:pt x="1032021" y="1469764"/>
                  <a:pt x="1042900" y="1483525"/>
                  <a:pt x="1054602" y="1496291"/>
                </a:cubicBezTo>
                <a:cubicBezTo>
                  <a:pt x="1081081" y="1525177"/>
                  <a:pt x="1110020" y="1551709"/>
                  <a:pt x="1137729" y="1579418"/>
                </a:cubicBezTo>
                <a:cubicBezTo>
                  <a:pt x="1148120" y="1589809"/>
                  <a:pt x="1160085" y="1598835"/>
                  <a:pt x="1168902" y="1610591"/>
                </a:cubicBezTo>
                <a:cubicBezTo>
                  <a:pt x="1179293" y="1624445"/>
                  <a:pt x="1190469" y="1637744"/>
                  <a:pt x="1200075" y="1652154"/>
                </a:cubicBezTo>
                <a:cubicBezTo>
                  <a:pt x="1211278" y="1668958"/>
                  <a:pt x="1220404" y="1687070"/>
                  <a:pt x="1231247" y="1704109"/>
                </a:cubicBezTo>
                <a:cubicBezTo>
                  <a:pt x="1263567" y="1754898"/>
                  <a:pt x="1272703" y="1759274"/>
                  <a:pt x="1293593" y="1808018"/>
                </a:cubicBezTo>
                <a:cubicBezTo>
                  <a:pt x="1297908" y="1818085"/>
                  <a:pt x="1300975" y="1828659"/>
                  <a:pt x="1303984" y="1839191"/>
                </a:cubicBezTo>
                <a:cubicBezTo>
                  <a:pt x="1307907" y="1852922"/>
                  <a:pt x="1308749" y="1867628"/>
                  <a:pt x="1314375" y="1880754"/>
                </a:cubicBezTo>
                <a:cubicBezTo>
                  <a:pt x="1319294" y="1892233"/>
                  <a:pt x="1328230" y="1901536"/>
                  <a:pt x="1335157" y="1911927"/>
                </a:cubicBezTo>
                <a:cubicBezTo>
                  <a:pt x="1338620" y="1932709"/>
                  <a:pt x="1341415" y="1953613"/>
                  <a:pt x="1345547" y="1974272"/>
                </a:cubicBezTo>
                <a:cubicBezTo>
                  <a:pt x="1348348" y="1988276"/>
                  <a:pt x="1355938" y="2001555"/>
                  <a:pt x="1355938" y="2015836"/>
                </a:cubicBezTo>
                <a:cubicBezTo>
                  <a:pt x="1355938" y="2058534"/>
                  <a:pt x="1347306" y="2091518"/>
                  <a:pt x="1314375" y="2119745"/>
                </a:cubicBezTo>
                <a:cubicBezTo>
                  <a:pt x="1292001" y="2138923"/>
                  <a:pt x="1258370" y="2144137"/>
                  <a:pt x="1231247" y="2150918"/>
                </a:cubicBezTo>
                <a:cubicBezTo>
                  <a:pt x="1193147" y="2147454"/>
                  <a:pt x="1154622" y="2147176"/>
                  <a:pt x="1116947" y="2140527"/>
                </a:cubicBezTo>
                <a:cubicBezTo>
                  <a:pt x="1095375" y="2136720"/>
                  <a:pt x="1054602" y="2119745"/>
                  <a:pt x="1054602" y="2119745"/>
                </a:cubicBezTo>
                <a:cubicBezTo>
                  <a:pt x="1018887" y="2126888"/>
                  <a:pt x="995326" y="2130743"/>
                  <a:pt x="961084" y="2140527"/>
                </a:cubicBezTo>
                <a:cubicBezTo>
                  <a:pt x="936007" y="2147692"/>
                  <a:pt x="914924" y="2158356"/>
                  <a:pt x="888347" y="2161309"/>
                </a:cubicBezTo>
                <a:cubicBezTo>
                  <a:pt x="839093" y="2166782"/>
                  <a:pt x="603280" y="2179911"/>
                  <a:pt x="566229" y="2182091"/>
                </a:cubicBezTo>
                <a:cubicBezTo>
                  <a:pt x="441538" y="2178627"/>
                  <a:pt x="316579" y="2180587"/>
                  <a:pt x="192157" y="2171700"/>
                </a:cubicBezTo>
                <a:cubicBezTo>
                  <a:pt x="170307" y="2170139"/>
                  <a:pt x="150593" y="2157845"/>
                  <a:pt x="129811" y="2150918"/>
                </a:cubicBezTo>
                <a:lnTo>
                  <a:pt x="98638" y="2140527"/>
                </a:lnTo>
                <a:lnTo>
                  <a:pt x="67466" y="2130136"/>
                </a:lnTo>
                <a:lnTo>
                  <a:pt x="5120" y="2140527"/>
                </a:lnTo>
                <a:cubicBezTo>
                  <a:pt x="-11474" y="2180352"/>
                  <a:pt x="16788" y="2250822"/>
                  <a:pt x="25902" y="2296391"/>
                </a:cubicBezTo>
                <a:cubicBezTo>
                  <a:pt x="30034" y="2317050"/>
                  <a:pt x="31183" y="2338297"/>
                  <a:pt x="36293" y="2358736"/>
                </a:cubicBezTo>
                <a:cubicBezTo>
                  <a:pt x="41606" y="2379988"/>
                  <a:pt x="50148" y="2400299"/>
                  <a:pt x="57075" y="2421081"/>
                </a:cubicBezTo>
                <a:cubicBezTo>
                  <a:pt x="60539" y="2431472"/>
                  <a:pt x="61391" y="2443140"/>
                  <a:pt x="67466" y="2452254"/>
                </a:cubicBezTo>
                <a:cubicBezTo>
                  <a:pt x="89753" y="2485686"/>
                  <a:pt x="91451" y="2485442"/>
                  <a:pt x="109029" y="2524991"/>
                </a:cubicBezTo>
                <a:cubicBezTo>
                  <a:pt x="116604" y="2542035"/>
                  <a:pt x="120879" y="2560570"/>
                  <a:pt x="129811" y="2576945"/>
                </a:cubicBezTo>
                <a:cubicBezTo>
                  <a:pt x="141771" y="2598872"/>
                  <a:pt x="160205" y="2616951"/>
                  <a:pt x="171375" y="2639291"/>
                </a:cubicBezTo>
                <a:cubicBezTo>
                  <a:pt x="184609" y="2665760"/>
                  <a:pt x="190686" y="2695306"/>
                  <a:pt x="202547" y="2722418"/>
                </a:cubicBezTo>
                <a:cubicBezTo>
                  <a:pt x="214964" y="2750800"/>
                  <a:pt x="231398" y="2777294"/>
                  <a:pt x="244111" y="2805545"/>
                </a:cubicBezTo>
                <a:cubicBezTo>
                  <a:pt x="262589" y="2846606"/>
                  <a:pt x="275930" y="2889962"/>
                  <a:pt x="296066" y="2930236"/>
                </a:cubicBezTo>
                <a:cubicBezTo>
                  <a:pt x="326643" y="2991393"/>
                  <a:pt x="311949" y="2957105"/>
                  <a:pt x="337629" y="3034145"/>
                </a:cubicBezTo>
                <a:cubicBezTo>
                  <a:pt x="341093" y="3186545"/>
                  <a:pt x="339068" y="3339169"/>
                  <a:pt x="348020" y="3491345"/>
                </a:cubicBezTo>
                <a:cubicBezTo>
                  <a:pt x="349501" y="3516517"/>
                  <a:pt x="363132" y="3539511"/>
                  <a:pt x="368802" y="3564081"/>
                </a:cubicBezTo>
                <a:cubicBezTo>
                  <a:pt x="425335" y="3809056"/>
                  <a:pt x="333233" y="3461472"/>
                  <a:pt x="399975" y="3678381"/>
                </a:cubicBezTo>
                <a:cubicBezTo>
                  <a:pt x="408375" y="3705680"/>
                  <a:pt x="413830" y="3733800"/>
                  <a:pt x="420757" y="3761509"/>
                </a:cubicBezTo>
                <a:cubicBezTo>
                  <a:pt x="424220" y="3775363"/>
                  <a:pt x="426631" y="3789524"/>
                  <a:pt x="431147" y="3803072"/>
                </a:cubicBezTo>
                <a:cubicBezTo>
                  <a:pt x="438074" y="3823854"/>
                  <a:pt x="446616" y="3844166"/>
                  <a:pt x="451929" y="3865418"/>
                </a:cubicBezTo>
                <a:cubicBezTo>
                  <a:pt x="455393" y="3879272"/>
                  <a:pt x="457306" y="3893610"/>
                  <a:pt x="462320" y="3906981"/>
                </a:cubicBezTo>
                <a:cubicBezTo>
                  <a:pt x="482066" y="3959637"/>
                  <a:pt x="483625" y="3941070"/>
                  <a:pt x="514275" y="3990109"/>
                </a:cubicBezTo>
                <a:cubicBezTo>
                  <a:pt x="551942" y="4050375"/>
                  <a:pt x="513059" y="4017006"/>
                  <a:pt x="566229" y="4052454"/>
                </a:cubicBezTo>
                <a:cubicBezTo>
                  <a:pt x="590936" y="4126574"/>
                  <a:pt x="555903" y="4036967"/>
                  <a:pt x="607793" y="4114800"/>
                </a:cubicBezTo>
                <a:cubicBezTo>
                  <a:pt x="613869" y="4123913"/>
                  <a:pt x="612108" y="4136859"/>
                  <a:pt x="618184" y="4145972"/>
                </a:cubicBezTo>
                <a:cubicBezTo>
                  <a:pt x="645053" y="4186275"/>
                  <a:pt x="655129" y="4178299"/>
                  <a:pt x="701311" y="4187536"/>
                </a:cubicBezTo>
                <a:cubicBezTo>
                  <a:pt x="724082" y="4214861"/>
                  <a:pt x="755101" y="4255908"/>
                  <a:pt x="784438" y="4281054"/>
                </a:cubicBezTo>
                <a:cubicBezTo>
                  <a:pt x="797587" y="4292325"/>
                  <a:pt x="811909" y="4302161"/>
                  <a:pt x="826002" y="4312227"/>
                </a:cubicBezTo>
                <a:cubicBezTo>
                  <a:pt x="852088" y="4330860"/>
                  <a:pt x="868300" y="4340746"/>
                  <a:pt x="898738" y="4353791"/>
                </a:cubicBezTo>
                <a:cubicBezTo>
                  <a:pt x="908805" y="4358106"/>
                  <a:pt x="919520" y="4360718"/>
                  <a:pt x="929911" y="4364181"/>
                </a:cubicBezTo>
                <a:cubicBezTo>
                  <a:pt x="1009575" y="4360718"/>
                  <a:pt x="1089398" y="4359906"/>
                  <a:pt x="1168902" y="4353791"/>
                </a:cubicBezTo>
                <a:cubicBezTo>
                  <a:pt x="1179823" y="4352951"/>
                  <a:pt x="1190278" y="4348298"/>
                  <a:pt x="1200075" y="4343400"/>
                </a:cubicBezTo>
                <a:cubicBezTo>
                  <a:pt x="1211245" y="4337815"/>
                  <a:pt x="1221257" y="4330111"/>
                  <a:pt x="1231247" y="4322618"/>
                </a:cubicBezTo>
                <a:cubicBezTo>
                  <a:pt x="1325736" y="4251751"/>
                  <a:pt x="1241669" y="4312200"/>
                  <a:pt x="1335157" y="4229100"/>
                </a:cubicBezTo>
                <a:cubicBezTo>
                  <a:pt x="1348101" y="4217595"/>
                  <a:pt x="1363687" y="4209331"/>
                  <a:pt x="1376720" y="4197927"/>
                </a:cubicBezTo>
                <a:cubicBezTo>
                  <a:pt x="1391466" y="4185025"/>
                  <a:pt x="1403232" y="4168906"/>
                  <a:pt x="1418284" y="4156363"/>
                </a:cubicBezTo>
                <a:cubicBezTo>
                  <a:pt x="1444892" y="4134189"/>
                  <a:pt x="1473957" y="4115136"/>
                  <a:pt x="1501411" y="4094018"/>
                </a:cubicBezTo>
                <a:cubicBezTo>
                  <a:pt x="1518990" y="4080496"/>
                  <a:pt x="1539511" y="4069772"/>
                  <a:pt x="1553366" y="4052454"/>
                </a:cubicBezTo>
                <a:cubicBezTo>
                  <a:pt x="1567220" y="4035136"/>
                  <a:pt x="1580195" y="4017076"/>
                  <a:pt x="1594929" y="4000500"/>
                </a:cubicBezTo>
                <a:cubicBezTo>
                  <a:pt x="1607946" y="3985856"/>
                  <a:pt x="1623742" y="3973812"/>
                  <a:pt x="1636493" y="3958936"/>
                </a:cubicBezTo>
                <a:cubicBezTo>
                  <a:pt x="1644620" y="3949454"/>
                  <a:pt x="1648444" y="3936594"/>
                  <a:pt x="1657275" y="3927763"/>
                </a:cubicBezTo>
                <a:cubicBezTo>
                  <a:pt x="1740403" y="3844635"/>
                  <a:pt x="1660737" y="3952011"/>
                  <a:pt x="1730011" y="3855027"/>
                </a:cubicBezTo>
                <a:cubicBezTo>
                  <a:pt x="1749547" y="3827676"/>
                  <a:pt x="1753265" y="3824356"/>
                  <a:pt x="1761184" y="3792681"/>
                </a:cubicBezTo>
                <a:cubicBezTo>
                  <a:pt x="1765467" y="3775547"/>
                  <a:pt x="1765374" y="3757263"/>
                  <a:pt x="1771575" y="3740727"/>
                </a:cubicBezTo>
                <a:cubicBezTo>
                  <a:pt x="1775960" y="3729034"/>
                  <a:pt x="1785430" y="3719945"/>
                  <a:pt x="1792357" y="3709554"/>
                </a:cubicBezTo>
                <a:cubicBezTo>
                  <a:pt x="1836127" y="3578230"/>
                  <a:pt x="1763115" y="3788174"/>
                  <a:pt x="1823529" y="3647209"/>
                </a:cubicBezTo>
                <a:cubicBezTo>
                  <a:pt x="1829155" y="3634083"/>
                  <a:pt x="1829404" y="3619193"/>
                  <a:pt x="1833920" y="3605645"/>
                </a:cubicBezTo>
                <a:cubicBezTo>
                  <a:pt x="1839818" y="3587950"/>
                  <a:pt x="1849217" y="3571518"/>
                  <a:pt x="1854702" y="3553691"/>
                </a:cubicBezTo>
                <a:cubicBezTo>
                  <a:pt x="1863102" y="3526392"/>
                  <a:pt x="1868557" y="3498272"/>
                  <a:pt x="1875484" y="3470563"/>
                </a:cubicBezTo>
                <a:cubicBezTo>
                  <a:pt x="1878948" y="3456709"/>
                  <a:pt x="1880571" y="3442259"/>
                  <a:pt x="1885875" y="3429000"/>
                </a:cubicBezTo>
                <a:cubicBezTo>
                  <a:pt x="1907222" y="3375632"/>
                  <a:pt x="1909650" y="3372513"/>
                  <a:pt x="1927438" y="3314700"/>
                </a:cubicBezTo>
                <a:cubicBezTo>
                  <a:pt x="1975293" y="3159168"/>
                  <a:pt x="1917879" y="3320221"/>
                  <a:pt x="1979393" y="3179618"/>
                </a:cubicBezTo>
                <a:cubicBezTo>
                  <a:pt x="1994346" y="3145441"/>
                  <a:pt x="1998575" y="3105553"/>
                  <a:pt x="2020957" y="3075709"/>
                </a:cubicBezTo>
                <a:cubicBezTo>
                  <a:pt x="2092476" y="2980347"/>
                  <a:pt x="2014295" y="3092095"/>
                  <a:pt x="2072911" y="2982191"/>
                </a:cubicBezTo>
                <a:cubicBezTo>
                  <a:pt x="2091920" y="2946550"/>
                  <a:pt x="2122484" y="2916601"/>
                  <a:pt x="2135257" y="2878281"/>
                </a:cubicBezTo>
                <a:cubicBezTo>
                  <a:pt x="2142184" y="2857499"/>
                  <a:pt x="2146973" y="2835878"/>
                  <a:pt x="2156038" y="2815936"/>
                </a:cubicBezTo>
                <a:cubicBezTo>
                  <a:pt x="2164395" y="2797550"/>
                  <a:pt x="2178179" y="2782045"/>
                  <a:pt x="2187211" y="2763981"/>
                </a:cubicBezTo>
                <a:cubicBezTo>
                  <a:pt x="2195553" y="2747298"/>
                  <a:pt x="2200275" y="2729007"/>
                  <a:pt x="2207993" y="2712027"/>
                </a:cubicBezTo>
                <a:cubicBezTo>
                  <a:pt x="2217608" y="2690875"/>
                  <a:pt x="2230825" y="2671367"/>
                  <a:pt x="2239166" y="2649681"/>
                </a:cubicBezTo>
                <a:cubicBezTo>
                  <a:pt x="2248218" y="2626146"/>
                  <a:pt x="2252426" y="2601013"/>
                  <a:pt x="2259947" y="2576945"/>
                </a:cubicBezTo>
                <a:cubicBezTo>
                  <a:pt x="2269748" y="2545582"/>
                  <a:pt x="2281381" y="2514809"/>
                  <a:pt x="2291120" y="2483427"/>
                </a:cubicBezTo>
                <a:cubicBezTo>
                  <a:pt x="2312557" y="2414354"/>
                  <a:pt x="2332684" y="2344882"/>
                  <a:pt x="2353466" y="2275609"/>
                </a:cubicBezTo>
                <a:cubicBezTo>
                  <a:pt x="2363857" y="2240973"/>
                  <a:pt x="2373203" y="2206006"/>
                  <a:pt x="2384638" y="2171700"/>
                </a:cubicBezTo>
                <a:cubicBezTo>
                  <a:pt x="2405420" y="2109354"/>
                  <a:pt x="2431045" y="2048419"/>
                  <a:pt x="2446984" y="1984663"/>
                </a:cubicBezTo>
                <a:cubicBezTo>
                  <a:pt x="2453911" y="1956954"/>
                  <a:pt x="2459920" y="1928999"/>
                  <a:pt x="2467766" y="1901536"/>
                </a:cubicBezTo>
                <a:cubicBezTo>
                  <a:pt x="2501728" y="1782668"/>
                  <a:pt x="2474210" y="1892591"/>
                  <a:pt x="2509329" y="1787236"/>
                </a:cubicBezTo>
                <a:cubicBezTo>
                  <a:pt x="2517303" y="1763314"/>
                  <a:pt x="2522518" y="1738545"/>
                  <a:pt x="2530111" y="1714500"/>
                </a:cubicBezTo>
                <a:cubicBezTo>
                  <a:pt x="2543304" y="1672722"/>
                  <a:pt x="2555404" y="1630487"/>
                  <a:pt x="2571675" y="1589809"/>
                </a:cubicBezTo>
                <a:cubicBezTo>
                  <a:pt x="2585529" y="1555173"/>
                  <a:pt x="2601441" y="1521290"/>
                  <a:pt x="2613238" y="1485900"/>
                </a:cubicBezTo>
                <a:lnTo>
                  <a:pt x="2634020" y="1423554"/>
                </a:lnTo>
                <a:cubicBezTo>
                  <a:pt x="2572371" y="1331081"/>
                  <a:pt x="2575228" y="1338159"/>
                  <a:pt x="2498938" y="1163781"/>
                </a:cubicBezTo>
                <a:cubicBezTo>
                  <a:pt x="2374711" y="879834"/>
                  <a:pt x="2455356" y="1072256"/>
                  <a:pt x="2301511" y="665018"/>
                </a:cubicBezTo>
                <a:cubicBezTo>
                  <a:pt x="2284462" y="619888"/>
                  <a:pt x="2260405" y="576943"/>
                  <a:pt x="2249557" y="529936"/>
                </a:cubicBezTo>
                <a:cubicBezTo>
                  <a:pt x="2229005" y="440876"/>
                  <a:pt x="2213878" y="367221"/>
                  <a:pt x="2187211" y="280554"/>
                </a:cubicBezTo>
                <a:cubicBezTo>
                  <a:pt x="2171106" y="228211"/>
                  <a:pt x="2152575" y="176645"/>
                  <a:pt x="2135257" y="124691"/>
                </a:cubicBezTo>
                <a:lnTo>
                  <a:pt x="2104084" y="31172"/>
                </a:lnTo>
                <a:lnTo>
                  <a:pt x="2093693" y="0"/>
                </a:lnTo>
                <a:lnTo>
                  <a:pt x="2020957" y="20781"/>
                </a:lnTo>
                <a:cubicBezTo>
                  <a:pt x="2010466" y="23928"/>
                  <a:pt x="1999851" y="26857"/>
                  <a:pt x="1989784" y="31172"/>
                </a:cubicBezTo>
                <a:cubicBezTo>
                  <a:pt x="1953796" y="46596"/>
                  <a:pt x="1916097" y="70012"/>
                  <a:pt x="1885875" y="93518"/>
                </a:cubicBezTo>
                <a:cubicBezTo>
                  <a:pt x="1854702" y="117763"/>
                  <a:pt x="1825216" y="144348"/>
                  <a:pt x="1792357" y="166254"/>
                </a:cubicBezTo>
                <a:cubicBezTo>
                  <a:pt x="1781966" y="173181"/>
                  <a:pt x="1773534" y="185183"/>
                  <a:pt x="1761184" y="187036"/>
                </a:cubicBezTo>
                <a:cubicBezTo>
                  <a:pt x="1702853" y="195786"/>
                  <a:pt x="1643420" y="193963"/>
                  <a:pt x="1584538" y="197427"/>
                </a:cubicBezTo>
                <a:cubicBezTo>
                  <a:pt x="1574147" y="200891"/>
                  <a:pt x="1563897" y="204809"/>
                  <a:pt x="1553366" y="207818"/>
                </a:cubicBezTo>
                <a:cubicBezTo>
                  <a:pt x="1539634" y="211741"/>
                  <a:pt x="1525481" y="214105"/>
                  <a:pt x="1511802" y="218209"/>
                </a:cubicBezTo>
                <a:cubicBezTo>
                  <a:pt x="1490820" y="224504"/>
                  <a:pt x="1449457" y="238991"/>
                  <a:pt x="1449457" y="238991"/>
                </a:cubicBezTo>
                <a:cubicBezTo>
                  <a:pt x="1435602" y="235527"/>
                  <a:pt x="1419776" y="236522"/>
                  <a:pt x="1407893" y="228600"/>
                </a:cubicBezTo>
                <a:cubicBezTo>
                  <a:pt x="1397502" y="221673"/>
                  <a:pt x="1399503" y="195878"/>
                  <a:pt x="1387111" y="197427"/>
                </a:cubicBezTo>
                <a:cubicBezTo>
                  <a:pt x="1362327" y="200525"/>
                  <a:pt x="1324766" y="238991"/>
                  <a:pt x="1324766" y="238991"/>
                </a:cubicBezTo>
                <a:cubicBezTo>
                  <a:pt x="1317839" y="228600"/>
                  <a:pt x="1303984" y="220306"/>
                  <a:pt x="1303984" y="207818"/>
                </a:cubicBezTo>
                <a:cubicBezTo>
                  <a:pt x="1303984" y="195330"/>
                  <a:pt x="1314176" y="183264"/>
                  <a:pt x="1324766" y="176645"/>
                </a:cubicBezTo>
                <a:cubicBezTo>
                  <a:pt x="1343342" y="165035"/>
                  <a:pt x="1387111" y="133957"/>
                  <a:pt x="1387111" y="155863"/>
                </a:cubicBezTo>
                <a:lnTo>
                  <a:pt x="1428675" y="166254"/>
                </a:lnTo>
                <a:close/>
              </a:path>
            </a:pathLst>
          </a:custGeom>
          <a:solidFill>
            <a:srgbClr val="FFFFFF">
              <a:alpha val="70980"/>
            </a:srgbClr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Freeform 4">
            <a:extLst>
              <a:ext uri="{FF2B5EF4-FFF2-40B4-BE49-F238E27FC236}">
                <a16:creationId xmlns:a16="http://schemas.microsoft.com/office/drawing/2014/main" id="{50803D8B-B6FB-6A53-11C7-CA83BD28D8D1}"/>
              </a:ext>
            </a:extLst>
          </p:cNvPr>
          <p:cNvSpPr/>
          <p:nvPr/>
        </p:nvSpPr>
        <p:spPr bwMode="auto">
          <a:xfrm>
            <a:off x="1053852" y="1601115"/>
            <a:ext cx="5216236" cy="2166788"/>
          </a:xfrm>
          <a:custGeom>
            <a:avLst/>
            <a:gdLst>
              <a:gd name="connsiteX0" fmla="*/ 0 w 5216236"/>
              <a:gd name="connsiteY0" fmla="*/ 0 h 2161309"/>
              <a:gd name="connsiteX1" fmla="*/ 0 w 5216236"/>
              <a:gd name="connsiteY1" fmla="*/ 2161309 h 2161309"/>
              <a:gd name="connsiteX2" fmla="*/ 2098964 w 5216236"/>
              <a:gd name="connsiteY2" fmla="*/ 2161309 h 2161309"/>
              <a:gd name="connsiteX3" fmla="*/ 2098964 w 5216236"/>
              <a:gd name="connsiteY3" fmla="*/ 1049482 h 2161309"/>
              <a:gd name="connsiteX4" fmla="*/ 5216236 w 5216236"/>
              <a:gd name="connsiteY4" fmla="*/ 1049482 h 2161309"/>
              <a:gd name="connsiteX5" fmla="*/ 5216236 w 5216236"/>
              <a:gd name="connsiteY5" fmla="*/ 10391 h 2161309"/>
              <a:gd name="connsiteX6" fmla="*/ 0 w 5216236"/>
              <a:gd name="connsiteY6" fmla="*/ 0 h 2161309"/>
              <a:gd name="connsiteX0" fmla="*/ 0 w 5216236"/>
              <a:gd name="connsiteY0" fmla="*/ 0 h 2161309"/>
              <a:gd name="connsiteX1" fmla="*/ 0 w 5216236"/>
              <a:gd name="connsiteY1" fmla="*/ 2161309 h 2161309"/>
              <a:gd name="connsiteX2" fmla="*/ 2098964 w 5216236"/>
              <a:gd name="connsiteY2" fmla="*/ 2161309 h 2161309"/>
              <a:gd name="connsiteX3" fmla="*/ 2098964 w 5216236"/>
              <a:gd name="connsiteY3" fmla="*/ 1100723 h 2161309"/>
              <a:gd name="connsiteX4" fmla="*/ 5216236 w 5216236"/>
              <a:gd name="connsiteY4" fmla="*/ 1049482 h 2161309"/>
              <a:gd name="connsiteX5" fmla="*/ 5216236 w 5216236"/>
              <a:gd name="connsiteY5" fmla="*/ 10391 h 2161309"/>
              <a:gd name="connsiteX6" fmla="*/ 0 w 5216236"/>
              <a:gd name="connsiteY6" fmla="*/ 0 h 2161309"/>
              <a:gd name="connsiteX0" fmla="*/ 0 w 5216236"/>
              <a:gd name="connsiteY0" fmla="*/ 0 h 2161309"/>
              <a:gd name="connsiteX1" fmla="*/ 0 w 5216236"/>
              <a:gd name="connsiteY1" fmla="*/ 2161309 h 2161309"/>
              <a:gd name="connsiteX2" fmla="*/ 2098964 w 5216236"/>
              <a:gd name="connsiteY2" fmla="*/ 2161309 h 2161309"/>
              <a:gd name="connsiteX3" fmla="*/ 2098964 w 5216236"/>
              <a:gd name="connsiteY3" fmla="*/ 1100723 h 2161309"/>
              <a:gd name="connsiteX4" fmla="*/ 5216236 w 5216236"/>
              <a:gd name="connsiteY4" fmla="*/ 1105848 h 2161309"/>
              <a:gd name="connsiteX5" fmla="*/ 5216236 w 5216236"/>
              <a:gd name="connsiteY5" fmla="*/ 10391 h 2161309"/>
              <a:gd name="connsiteX6" fmla="*/ 0 w 5216236"/>
              <a:gd name="connsiteY6" fmla="*/ 0 h 21613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216236" h="2161309">
                <a:moveTo>
                  <a:pt x="0" y="0"/>
                </a:moveTo>
                <a:lnTo>
                  <a:pt x="0" y="2161309"/>
                </a:lnTo>
                <a:lnTo>
                  <a:pt x="2098964" y="2161309"/>
                </a:lnTo>
                <a:lnTo>
                  <a:pt x="2098964" y="1100723"/>
                </a:lnTo>
                <a:lnTo>
                  <a:pt x="5216236" y="1105848"/>
                </a:lnTo>
                <a:lnTo>
                  <a:pt x="5216236" y="10391"/>
                </a:lnTo>
                <a:lnTo>
                  <a:pt x="0" y="0"/>
                </a:ln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237EDD07-790B-563C-4488-C3E187C1E8CC}"/>
              </a:ext>
            </a:extLst>
          </p:cNvPr>
          <p:cNvSpPr/>
          <p:nvPr/>
        </p:nvSpPr>
        <p:spPr bwMode="auto">
          <a:xfrm>
            <a:off x="4784841" y="4353983"/>
            <a:ext cx="2097680" cy="1100710"/>
          </a:xfrm>
          <a:prstGeom prst="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FE511E67-AAA9-B5D5-641B-751D197A40E7}"/>
              </a:ext>
            </a:extLst>
          </p:cNvPr>
          <p:cNvSpPr/>
          <p:nvPr/>
        </p:nvSpPr>
        <p:spPr bwMode="auto">
          <a:xfrm>
            <a:off x="1156054" y="4344514"/>
            <a:ext cx="3128004" cy="1100710"/>
          </a:xfrm>
          <a:prstGeom prst="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E5DF9D7-4384-7509-AEA0-5EB945C2AC7F}"/>
                  </a:ext>
                </a:extLst>
              </p:cNvPr>
              <p:cNvSpPr txBox="1"/>
              <p:nvPr/>
            </p:nvSpPr>
            <p:spPr>
              <a:xfrm>
                <a:off x="3317901" y="1038025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E5DF9D7-4384-7509-AEA0-5EB945C2AC7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317901" y="1038025"/>
                <a:ext cx="696152" cy="409343"/>
              </a:xfrm>
              <a:prstGeom prst="rect">
                <a:avLst/>
              </a:prstGeom>
              <a:blipFill>
                <a:blip r:embed="rId5"/>
                <a:stretch>
                  <a:fillRect l="-5455" r="-3636" b="-181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5D96556D-7D4E-1651-F500-0EFA65BDE542}"/>
                  </a:ext>
                </a:extLst>
              </p:cNvPr>
              <p:cNvSpPr txBox="1"/>
              <p:nvPr/>
            </p:nvSpPr>
            <p:spPr>
              <a:xfrm>
                <a:off x="345438" y="4629256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5D96556D-7D4E-1651-F500-0EFA65BDE54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45438" y="4629256"/>
                <a:ext cx="696152" cy="409343"/>
              </a:xfrm>
              <a:prstGeom prst="rect">
                <a:avLst/>
              </a:prstGeom>
              <a:blipFill>
                <a:blip r:embed="rId6"/>
                <a:stretch>
                  <a:fillRect l="-5357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8546C424-CC64-D3DC-0014-810232AF127A}"/>
                  </a:ext>
                </a:extLst>
              </p:cNvPr>
              <p:cNvSpPr txBox="1"/>
              <p:nvPr/>
            </p:nvSpPr>
            <p:spPr>
              <a:xfrm>
                <a:off x="5489612" y="5459469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8546C424-CC64-D3DC-0014-810232AF127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489612" y="5459469"/>
                <a:ext cx="696152" cy="409343"/>
              </a:xfrm>
              <a:prstGeom prst="rect">
                <a:avLst/>
              </a:prstGeom>
              <a:blipFill>
                <a:blip r:embed="rId7"/>
                <a:stretch>
                  <a:fillRect l="-3571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47" name="Picture 2">
            <a:extLst>
              <a:ext uri="{FF2B5EF4-FFF2-40B4-BE49-F238E27FC236}">
                <a16:creationId xmlns:a16="http://schemas.microsoft.com/office/drawing/2014/main" id="{6E666322-A841-9047-519C-B16407893B2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7601" r="39825"/>
          <a:stretch/>
        </p:blipFill>
        <p:spPr bwMode="auto">
          <a:xfrm>
            <a:off x="1193733" y="4361320"/>
            <a:ext cx="3056901" cy="10286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6" name="Picture 2">
            <a:extLst>
              <a:ext uri="{FF2B5EF4-FFF2-40B4-BE49-F238E27FC236}">
                <a16:creationId xmlns:a16="http://schemas.microsoft.com/office/drawing/2014/main" id="{2A73F35E-51A9-18FA-90D7-A7639B0D24D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151" t="32761" b="32571"/>
          <a:stretch/>
        </p:blipFill>
        <p:spPr bwMode="auto">
          <a:xfrm>
            <a:off x="3478722" y="2985937"/>
            <a:ext cx="3040360" cy="11007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54D1457C-BDCA-B588-4A5B-401E54F44B10}"/>
              </a:ext>
            </a:extLst>
          </p:cNvPr>
          <p:cNvSpPr/>
          <p:nvPr/>
        </p:nvSpPr>
        <p:spPr bwMode="auto">
          <a:xfrm>
            <a:off x="3430116" y="2982241"/>
            <a:ext cx="3128004" cy="1100710"/>
          </a:xfrm>
          <a:prstGeom prst="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E4027085-BD37-C0BA-1B16-A6C449D3C35D}"/>
                  </a:ext>
                </a:extLst>
              </p:cNvPr>
              <p:cNvSpPr txBox="1"/>
              <p:nvPr/>
            </p:nvSpPr>
            <p:spPr>
              <a:xfrm>
                <a:off x="6633087" y="3324201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E4027085-BD37-C0BA-1B16-A6C449D3C35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633087" y="3324201"/>
                <a:ext cx="696152" cy="409343"/>
              </a:xfrm>
              <a:prstGeom prst="rect">
                <a:avLst/>
              </a:prstGeom>
              <a:blipFill>
                <a:blip r:embed="rId8"/>
                <a:stretch>
                  <a:fillRect l="-5455" r="-3636" b="-181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2606725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6146" name="Picture 2">
            <a:extLst>
              <a:ext uri="{FF2B5EF4-FFF2-40B4-BE49-F238E27FC236}">
                <a16:creationId xmlns:a16="http://schemas.microsoft.com/office/drawing/2014/main" id="{5F313304-8691-5E8F-21A1-6054F03A5E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9505" y="1464333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6146" name="Picture 2">
            <a:extLst>
              <a:ext uri="{FF2B5EF4-FFF2-40B4-BE49-F238E27FC236}">
                <a16:creationId xmlns:a16="http://schemas.microsoft.com/office/drawing/2014/main" id="{5F313304-8691-5E8F-21A1-6054F03A5E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9505" y="1464333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Freeform 14">
            <a:extLst>
              <a:ext uri="{FF2B5EF4-FFF2-40B4-BE49-F238E27FC236}">
                <a16:creationId xmlns:a16="http://schemas.microsoft.com/office/drawing/2014/main" id="{808D8580-4C1C-0007-38F2-11BCD3D1979E}"/>
              </a:ext>
            </a:extLst>
          </p:cNvPr>
          <p:cNvSpPr/>
          <p:nvPr/>
        </p:nvSpPr>
        <p:spPr bwMode="auto">
          <a:xfrm>
            <a:off x="1945439" y="1520444"/>
            <a:ext cx="3689725" cy="1967236"/>
          </a:xfrm>
          <a:custGeom>
            <a:avLst/>
            <a:gdLst>
              <a:gd name="connsiteX0" fmla="*/ 407124 w 3867499"/>
              <a:gd name="connsiteY0" fmla="*/ 1829282 h 2163694"/>
              <a:gd name="connsiteX1" fmla="*/ 36421 w 3867499"/>
              <a:gd name="connsiteY1" fmla="*/ 1273228 h 2163694"/>
              <a:gd name="connsiteX2" fmla="*/ 48778 w 3867499"/>
              <a:gd name="connsiteY2" fmla="*/ 828384 h 2163694"/>
              <a:gd name="connsiteX3" fmla="*/ 345340 w 3867499"/>
              <a:gd name="connsiteY3" fmla="*/ 630676 h 2163694"/>
              <a:gd name="connsiteX4" fmla="*/ 1210313 w 3867499"/>
              <a:gd name="connsiteY4" fmla="*/ 605963 h 2163694"/>
              <a:gd name="connsiteX5" fmla="*/ 2087643 w 3867499"/>
              <a:gd name="connsiteY5" fmla="*/ 432968 h 2163694"/>
              <a:gd name="connsiteX6" fmla="*/ 2606627 w 3867499"/>
              <a:gd name="connsiteY6" fmla="*/ 111693 h 2163694"/>
              <a:gd name="connsiteX7" fmla="*/ 3236821 w 3867499"/>
              <a:gd name="connsiteY7" fmla="*/ 482 h 2163694"/>
              <a:gd name="connsiteX8" fmla="*/ 3656951 w 3867499"/>
              <a:gd name="connsiteY8" fmla="*/ 99336 h 2163694"/>
              <a:gd name="connsiteX9" fmla="*/ 3867016 w 3867499"/>
              <a:gd name="connsiteY9" fmla="*/ 605963 h 2163694"/>
              <a:gd name="connsiteX10" fmla="*/ 3706378 w 3867499"/>
              <a:gd name="connsiteY10" fmla="*/ 1100233 h 2163694"/>
              <a:gd name="connsiteX11" fmla="*/ 3446886 w 3867499"/>
              <a:gd name="connsiteY11" fmla="*/ 1545076 h 2163694"/>
              <a:gd name="connsiteX12" fmla="*/ 2964973 w 3867499"/>
              <a:gd name="connsiteY12" fmla="*/ 1816925 h 2163694"/>
              <a:gd name="connsiteX13" fmla="*/ 2557200 w 3867499"/>
              <a:gd name="connsiteY13" fmla="*/ 1915779 h 2163694"/>
              <a:gd name="connsiteX14" fmla="*/ 2297708 w 3867499"/>
              <a:gd name="connsiteY14" fmla="*/ 2138201 h 2163694"/>
              <a:gd name="connsiteX15" fmla="*/ 1716940 w 3867499"/>
              <a:gd name="connsiteY15" fmla="*/ 2150557 h 2163694"/>
              <a:gd name="connsiteX16" fmla="*/ 1012605 w 3867499"/>
              <a:gd name="connsiteY16" fmla="*/ 2064060 h 2163694"/>
              <a:gd name="connsiteX17" fmla="*/ 592476 w 3867499"/>
              <a:gd name="connsiteY17" fmla="*/ 1903422 h 2163694"/>
              <a:gd name="connsiteX18" fmla="*/ 407124 w 3867499"/>
              <a:gd name="connsiteY18" fmla="*/ 1829282 h 2163694"/>
              <a:gd name="connsiteX0" fmla="*/ 407124 w 3867499"/>
              <a:gd name="connsiteY0" fmla="*/ 1829282 h 2163694"/>
              <a:gd name="connsiteX1" fmla="*/ 36421 w 3867499"/>
              <a:gd name="connsiteY1" fmla="*/ 1273228 h 2163694"/>
              <a:gd name="connsiteX2" fmla="*/ 48778 w 3867499"/>
              <a:gd name="connsiteY2" fmla="*/ 828384 h 2163694"/>
              <a:gd name="connsiteX3" fmla="*/ 345340 w 3867499"/>
              <a:gd name="connsiteY3" fmla="*/ 630676 h 2163694"/>
              <a:gd name="connsiteX4" fmla="*/ 1210313 w 3867499"/>
              <a:gd name="connsiteY4" fmla="*/ 605963 h 2163694"/>
              <a:gd name="connsiteX5" fmla="*/ 2087643 w 3867499"/>
              <a:gd name="connsiteY5" fmla="*/ 432968 h 2163694"/>
              <a:gd name="connsiteX6" fmla="*/ 2606627 w 3867499"/>
              <a:gd name="connsiteY6" fmla="*/ 111693 h 2163694"/>
              <a:gd name="connsiteX7" fmla="*/ 3236821 w 3867499"/>
              <a:gd name="connsiteY7" fmla="*/ 482 h 2163694"/>
              <a:gd name="connsiteX8" fmla="*/ 3656951 w 3867499"/>
              <a:gd name="connsiteY8" fmla="*/ 99336 h 2163694"/>
              <a:gd name="connsiteX9" fmla="*/ 3867016 w 3867499"/>
              <a:gd name="connsiteY9" fmla="*/ 605963 h 2163694"/>
              <a:gd name="connsiteX10" fmla="*/ 3706378 w 3867499"/>
              <a:gd name="connsiteY10" fmla="*/ 1100233 h 2163694"/>
              <a:gd name="connsiteX11" fmla="*/ 3446886 w 3867499"/>
              <a:gd name="connsiteY11" fmla="*/ 1545076 h 2163694"/>
              <a:gd name="connsiteX12" fmla="*/ 2964973 w 3867499"/>
              <a:gd name="connsiteY12" fmla="*/ 1816925 h 2163694"/>
              <a:gd name="connsiteX13" fmla="*/ 2557200 w 3867499"/>
              <a:gd name="connsiteY13" fmla="*/ 1915779 h 2163694"/>
              <a:gd name="connsiteX14" fmla="*/ 2297708 w 3867499"/>
              <a:gd name="connsiteY14" fmla="*/ 2138201 h 2163694"/>
              <a:gd name="connsiteX15" fmla="*/ 1716940 w 3867499"/>
              <a:gd name="connsiteY15" fmla="*/ 2150557 h 2163694"/>
              <a:gd name="connsiteX16" fmla="*/ 1012605 w 3867499"/>
              <a:gd name="connsiteY16" fmla="*/ 2064060 h 2163694"/>
              <a:gd name="connsiteX17" fmla="*/ 407124 w 3867499"/>
              <a:gd name="connsiteY17" fmla="*/ 1829282 h 2163694"/>
              <a:gd name="connsiteX0" fmla="*/ 407124 w 3867499"/>
              <a:gd name="connsiteY0" fmla="*/ 1829282 h 2159982"/>
              <a:gd name="connsiteX1" fmla="*/ 36421 w 3867499"/>
              <a:gd name="connsiteY1" fmla="*/ 1273228 h 2159982"/>
              <a:gd name="connsiteX2" fmla="*/ 48778 w 3867499"/>
              <a:gd name="connsiteY2" fmla="*/ 828384 h 2159982"/>
              <a:gd name="connsiteX3" fmla="*/ 345340 w 3867499"/>
              <a:gd name="connsiteY3" fmla="*/ 630676 h 2159982"/>
              <a:gd name="connsiteX4" fmla="*/ 1210313 w 3867499"/>
              <a:gd name="connsiteY4" fmla="*/ 605963 h 2159982"/>
              <a:gd name="connsiteX5" fmla="*/ 2087643 w 3867499"/>
              <a:gd name="connsiteY5" fmla="*/ 432968 h 2159982"/>
              <a:gd name="connsiteX6" fmla="*/ 2606627 w 3867499"/>
              <a:gd name="connsiteY6" fmla="*/ 111693 h 2159982"/>
              <a:gd name="connsiteX7" fmla="*/ 3236821 w 3867499"/>
              <a:gd name="connsiteY7" fmla="*/ 482 h 2159982"/>
              <a:gd name="connsiteX8" fmla="*/ 3656951 w 3867499"/>
              <a:gd name="connsiteY8" fmla="*/ 99336 h 2159982"/>
              <a:gd name="connsiteX9" fmla="*/ 3867016 w 3867499"/>
              <a:gd name="connsiteY9" fmla="*/ 605963 h 2159982"/>
              <a:gd name="connsiteX10" fmla="*/ 3706378 w 3867499"/>
              <a:gd name="connsiteY10" fmla="*/ 1100233 h 2159982"/>
              <a:gd name="connsiteX11" fmla="*/ 3446886 w 3867499"/>
              <a:gd name="connsiteY11" fmla="*/ 1545076 h 2159982"/>
              <a:gd name="connsiteX12" fmla="*/ 2964973 w 3867499"/>
              <a:gd name="connsiteY12" fmla="*/ 1816925 h 2159982"/>
              <a:gd name="connsiteX13" fmla="*/ 2643697 w 3867499"/>
              <a:gd name="connsiteY13" fmla="*/ 1977563 h 2159982"/>
              <a:gd name="connsiteX14" fmla="*/ 2297708 w 3867499"/>
              <a:gd name="connsiteY14" fmla="*/ 2138201 h 2159982"/>
              <a:gd name="connsiteX15" fmla="*/ 1716940 w 3867499"/>
              <a:gd name="connsiteY15" fmla="*/ 2150557 h 2159982"/>
              <a:gd name="connsiteX16" fmla="*/ 1012605 w 3867499"/>
              <a:gd name="connsiteY16" fmla="*/ 2064060 h 2159982"/>
              <a:gd name="connsiteX17" fmla="*/ 407124 w 3867499"/>
              <a:gd name="connsiteY17" fmla="*/ 1829282 h 2159982"/>
              <a:gd name="connsiteX0" fmla="*/ 407124 w 3867499"/>
              <a:gd name="connsiteY0" fmla="*/ 1829282 h 2153032"/>
              <a:gd name="connsiteX1" fmla="*/ 36421 w 3867499"/>
              <a:gd name="connsiteY1" fmla="*/ 1273228 h 2153032"/>
              <a:gd name="connsiteX2" fmla="*/ 48778 w 3867499"/>
              <a:gd name="connsiteY2" fmla="*/ 828384 h 2153032"/>
              <a:gd name="connsiteX3" fmla="*/ 345340 w 3867499"/>
              <a:gd name="connsiteY3" fmla="*/ 630676 h 2153032"/>
              <a:gd name="connsiteX4" fmla="*/ 1210313 w 3867499"/>
              <a:gd name="connsiteY4" fmla="*/ 605963 h 2153032"/>
              <a:gd name="connsiteX5" fmla="*/ 2087643 w 3867499"/>
              <a:gd name="connsiteY5" fmla="*/ 432968 h 2153032"/>
              <a:gd name="connsiteX6" fmla="*/ 2606627 w 3867499"/>
              <a:gd name="connsiteY6" fmla="*/ 111693 h 2153032"/>
              <a:gd name="connsiteX7" fmla="*/ 3236821 w 3867499"/>
              <a:gd name="connsiteY7" fmla="*/ 482 h 2153032"/>
              <a:gd name="connsiteX8" fmla="*/ 3656951 w 3867499"/>
              <a:gd name="connsiteY8" fmla="*/ 99336 h 2153032"/>
              <a:gd name="connsiteX9" fmla="*/ 3867016 w 3867499"/>
              <a:gd name="connsiteY9" fmla="*/ 605963 h 2153032"/>
              <a:gd name="connsiteX10" fmla="*/ 3706378 w 3867499"/>
              <a:gd name="connsiteY10" fmla="*/ 1100233 h 2153032"/>
              <a:gd name="connsiteX11" fmla="*/ 3446886 w 3867499"/>
              <a:gd name="connsiteY11" fmla="*/ 1545076 h 2153032"/>
              <a:gd name="connsiteX12" fmla="*/ 2964973 w 3867499"/>
              <a:gd name="connsiteY12" fmla="*/ 1816925 h 2153032"/>
              <a:gd name="connsiteX13" fmla="*/ 2643697 w 3867499"/>
              <a:gd name="connsiteY13" fmla="*/ 1977563 h 2153032"/>
              <a:gd name="connsiteX14" fmla="*/ 2194091 w 3867499"/>
              <a:gd name="connsiteY14" fmla="*/ 2097630 h 2153032"/>
              <a:gd name="connsiteX15" fmla="*/ 1716940 w 3867499"/>
              <a:gd name="connsiteY15" fmla="*/ 2150557 h 2153032"/>
              <a:gd name="connsiteX16" fmla="*/ 1012605 w 3867499"/>
              <a:gd name="connsiteY16" fmla="*/ 2064060 h 2153032"/>
              <a:gd name="connsiteX17" fmla="*/ 407124 w 3867499"/>
              <a:gd name="connsiteY17" fmla="*/ 1829282 h 21530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867499" h="2153032">
                <a:moveTo>
                  <a:pt x="407124" y="1829282"/>
                </a:moveTo>
                <a:cubicBezTo>
                  <a:pt x="244427" y="1697477"/>
                  <a:pt x="96145" y="1440044"/>
                  <a:pt x="36421" y="1273228"/>
                </a:cubicBezTo>
                <a:cubicBezTo>
                  <a:pt x="-23303" y="1106412"/>
                  <a:pt x="-2708" y="935476"/>
                  <a:pt x="48778" y="828384"/>
                </a:cubicBezTo>
                <a:cubicBezTo>
                  <a:pt x="100264" y="721292"/>
                  <a:pt x="151751" y="667746"/>
                  <a:pt x="345340" y="630676"/>
                </a:cubicBezTo>
                <a:cubicBezTo>
                  <a:pt x="538929" y="593606"/>
                  <a:pt x="919929" y="638914"/>
                  <a:pt x="1210313" y="605963"/>
                </a:cubicBezTo>
                <a:cubicBezTo>
                  <a:pt x="1500697" y="573012"/>
                  <a:pt x="1854924" y="515346"/>
                  <a:pt x="2087643" y="432968"/>
                </a:cubicBezTo>
                <a:cubicBezTo>
                  <a:pt x="2320362" y="350590"/>
                  <a:pt x="2415097" y="183774"/>
                  <a:pt x="2606627" y="111693"/>
                </a:cubicBezTo>
                <a:cubicBezTo>
                  <a:pt x="2798157" y="39612"/>
                  <a:pt x="3061767" y="2541"/>
                  <a:pt x="3236821" y="482"/>
                </a:cubicBezTo>
                <a:cubicBezTo>
                  <a:pt x="3411875" y="-1578"/>
                  <a:pt x="3551919" y="-1577"/>
                  <a:pt x="3656951" y="99336"/>
                </a:cubicBezTo>
                <a:cubicBezTo>
                  <a:pt x="3761983" y="200249"/>
                  <a:pt x="3858778" y="439147"/>
                  <a:pt x="3867016" y="605963"/>
                </a:cubicBezTo>
                <a:cubicBezTo>
                  <a:pt x="3875254" y="772779"/>
                  <a:pt x="3776400" y="943714"/>
                  <a:pt x="3706378" y="1100233"/>
                </a:cubicBezTo>
                <a:cubicBezTo>
                  <a:pt x="3636356" y="1256752"/>
                  <a:pt x="3570453" y="1425627"/>
                  <a:pt x="3446886" y="1545076"/>
                </a:cubicBezTo>
                <a:cubicBezTo>
                  <a:pt x="3323319" y="1664525"/>
                  <a:pt x="3098838" y="1744844"/>
                  <a:pt x="2964973" y="1816925"/>
                </a:cubicBezTo>
                <a:cubicBezTo>
                  <a:pt x="2831108" y="1889006"/>
                  <a:pt x="2772177" y="1930779"/>
                  <a:pt x="2643697" y="1977563"/>
                </a:cubicBezTo>
                <a:cubicBezTo>
                  <a:pt x="2515217" y="2024347"/>
                  <a:pt x="2348550" y="2068798"/>
                  <a:pt x="2194091" y="2097630"/>
                </a:cubicBezTo>
                <a:cubicBezTo>
                  <a:pt x="2039632" y="2126462"/>
                  <a:pt x="1931124" y="2162914"/>
                  <a:pt x="1716940" y="2150557"/>
                </a:cubicBezTo>
                <a:cubicBezTo>
                  <a:pt x="1502756" y="2138200"/>
                  <a:pt x="1200016" y="2105249"/>
                  <a:pt x="1012605" y="2064060"/>
                </a:cubicBezTo>
                <a:cubicBezTo>
                  <a:pt x="794302" y="2010514"/>
                  <a:pt x="569821" y="1961087"/>
                  <a:pt x="407124" y="1829282"/>
                </a:cubicBez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Freeform 16">
            <a:extLst>
              <a:ext uri="{FF2B5EF4-FFF2-40B4-BE49-F238E27FC236}">
                <a16:creationId xmlns:a16="http://schemas.microsoft.com/office/drawing/2014/main" id="{2B6B2BE9-ECC1-7E9B-86CA-6EEF5A51ADCA}"/>
              </a:ext>
            </a:extLst>
          </p:cNvPr>
          <p:cNvSpPr/>
          <p:nvPr/>
        </p:nvSpPr>
        <p:spPr bwMode="auto">
          <a:xfrm>
            <a:off x="4676373" y="2901636"/>
            <a:ext cx="1700924" cy="1758634"/>
          </a:xfrm>
          <a:custGeom>
            <a:avLst/>
            <a:gdLst>
              <a:gd name="connsiteX0" fmla="*/ 686459 w 1700924"/>
              <a:gd name="connsiteY0" fmla="*/ 1695078 h 1758634"/>
              <a:gd name="connsiteX1" fmla="*/ 266330 w 1700924"/>
              <a:gd name="connsiteY1" fmla="*/ 1485013 h 1758634"/>
              <a:gd name="connsiteX2" fmla="*/ 6838 w 1700924"/>
              <a:gd name="connsiteY2" fmla="*/ 928959 h 1758634"/>
              <a:gd name="connsiteX3" fmla="*/ 142762 w 1700924"/>
              <a:gd name="connsiteY3" fmla="*/ 385261 h 1758634"/>
              <a:gd name="connsiteX4" fmla="*/ 822384 w 1700924"/>
              <a:gd name="connsiteY4" fmla="*/ 39272 h 1758634"/>
              <a:gd name="connsiteX5" fmla="*/ 1415508 w 1700924"/>
              <a:gd name="connsiteY5" fmla="*/ 113413 h 1758634"/>
              <a:gd name="connsiteX6" fmla="*/ 1699713 w 1700924"/>
              <a:gd name="connsiteY6" fmla="*/ 978386 h 1758634"/>
              <a:gd name="connsiteX7" fmla="*/ 1316654 w 1700924"/>
              <a:gd name="connsiteY7" fmla="*/ 1695078 h 1758634"/>
              <a:gd name="connsiteX8" fmla="*/ 686459 w 1700924"/>
              <a:gd name="connsiteY8" fmla="*/ 1695078 h 17586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700924" h="1758634">
                <a:moveTo>
                  <a:pt x="686459" y="1695078"/>
                </a:moveTo>
                <a:cubicBezTo>
                  <a:pt x="511405" y="1660067"/>
                  <a:pt x="379600" y="1612699"/>
                  <a:pt x="266330" y="1485013"/>
                </a:cubicBezTo>
                <a:cubicBezTo>
                  <a:pt x="153060" y="1357326"/>
                  <a:pt x="27433" y="1112251"/>
                  <a:pt x="6838" y="928959"/>
                </a:cubicBezTo>
                <a:cubicBezTo>
                  <a:pt x="-13757" y="745667"/>
                  <a:pt x="6838" y="533542"/>
                  <a:pt x="142762" y="385261"/>
                </a:cubicBezTo>
                <a:cubicBezTo>
                  <a:pt x="278686" y="236980"/>
                  <a:pt x="610260" y="84580"/>
                  <a:pt x="822384" y="39272"/>
                </a:cubicBezTo>
                <a:cubicBezTo>
                  <a:pt x="1034508" y="-6036"/>
                  <a:pt x="1269287" y="-43106"/>
                  <a:pt x="1415508" y="113413"/>
                </a:cubicBezTo>
                <a:cubicBezTo>
                  <a:pt x="1561729" y="269932"/>
                  <a:pt x="1716189" y="714775"/>
                  <a:pt x="1699713" y="978386"/>
                </a:cubicBezTo>
                <a:cubicBezTo>
                  <a:pt x="1683237" y="1241997"/>
                  <a:pt x="1487589" y="1571510"/>
                  <a:pt x="1316654" y="1695078"/>
                </a:cubicBezTo>
                <a:cubicBezTo>
                  <a:pt x="1145719" y="1818646"/>
                  <a:pt x="861513" y="1730089"/>
                  <a:pt x="686459" y="1695078"/>
                </a:cubicBez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Freeform 18">
            <a:extLst>
              <a:ext uri="{FF2B5EF4-FFF2-40B4-BE49-F238E27FC236}">
                <a16:creationId xmlns:a16="http://schemas.microsoft.com/office/drawing/2014/main" id="{4ECBC322-9FAF-F79C-3955-841F4D11ED1D}"/>
              </a:ext>
            </a:extLst>
          </p:cNvPr>
          <p:cNvSpPr/>
          <p:nvPr/>
        </p:nvSpPr>
        <p:spPr bwMode="auto">
          <a:xfrm>
            <a:off x="2041549" y="3445214"/>
            <a:ext cx="1813067" cy="1892342"/>
          </a:xfrm>
          <a:custGeom>
            <a:avLst/>
            <a:gdLst>
              <a:gd name="connsiteX0" fmla="*/ 281521 w 1813067"/>
              <a:gd name="connsiteY0" fmla="*/ 27035 h 1892342"/>
              <a:gd name="connsiteX1" fmla="*/ 726365 w 1813067"/>
              <a:gd name="connsiteY1" fmla="*/ 39391 h 1892342"/>
              <a:gd name="connsiteX2" fmla="*/ 1418343 w 1813067"/>
              <a:gd name="connsiteY2" fmla="*/ 373024 h 1892342"/>
              <a:gd name="connsiteX3" fmla="*/ 1801402 w 1813067"/>
              <a:gd name="connsiteY3" fmla="*/ 842581 h 1892342"/>
              <a:gd name="connsiteX4" fmla="*/ 1653121 w 1813067"/>
              <a:gd name="connsiteY4" fmla="*/ 1645770 h 1892342"/>
              <a:gd name="connsiteX5" fmla="*/ 1047640 w 1813067"/>
              <a:gd name="connsiteY5" fmla="*/ 1880548 h 1892342"/>
              <a:gd name="connsiteX6" fmla="*/ 318592 w 1813067"/>
              <a:gd name="connsiteY6" fmla="*/ 1349208 h 1892342"/>
              <a:gd name="connsiteX7" fmla="*/ 9673 w 1813067"/>
              <a:gd name="connsiteY7" fmla="*/ 607802 h 1892342"/>
              <a:gd name="connsiteX8" fmla="*/ 96170 w 1813067"/>
              <a:gd name="connsiteY8" fmla="*/ 224743 h 1892342"/>
              <a:gd name="connsiteX9" fmla="*/ 281521 w 1813067"/>
              <a:gd name="connsiteY9" fmla="*/ 27035 h 18923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813067" h="1892342">
                <a:moveTo>
                  <a:pt x="281521" y="27035"/>
                </a:moveTo>
                <a:cubicBezTo>
                  <a:pt x="386553" y="-3857"/>
                  <a:pt x="536895" y="-18274"/>
                  <a:pt x="726365" y="39391"/>
                </a:cubicBezTo>
                <a:cubicBezTo>
                  <a:pt x="915835" y="97056"/>
                  <a:pt x="1239170" y="239159"/>
                  <a:pt x="1418343" y="373024"/>
                </a:cubicBezTo>
                <a:cubicBezTo>
                  <a:pt x="1597516" y="506889"/>
                  <a:pt x="1762272" y="630457"/>
                  <a:pt x="1801402" y="842581"/>
                </a:cubicBezTo>
                <a:cubicBezTo>
                  <a:pt x="1840532" y="1054705"/>
                  <a:pt x="1778748" y="1472776"/>
                  <a:pt x="1653121" y="1645770"/>
                </a:cubicBezTo>
                <a:cubicBezTo>
                  <a:pt x="1527494" y="1818765"/>
                  <a:pt x="1270061" y="1929975"/>
                  <a:pt x="1047640" y="1880548"/>
                </a:cubicBezTo>
                <a:cubicBezTo>
                  <a:pt x="825219" y="1831121"/>
                  <a:pt x="491586" y="1561332"/>
                  <a:pt x="318592" y="1349208"/>
                </a:cubicBezTo>
                <a:cubicBezTo>
                  <a:pt x="145598" y="1137084"/>
                  <a:pt x="46743" y="795213"/>
                  <a:pt x="9673" y="607802"/>
                </a:cubicBezTo>
                <a:cubicBezTo>
                  <a:pt x="-27397" y="420391"/>
                  <a:pt x="50862" y="315359"/>
                  <a:pt x="96170" y="224743"/>
                </a:cubicBezTo>
                <a:cubicBezTo>
                  <a:pt x="141478" y="134127"/>
                  <a:pt x="176489" y="57927"/>
                  <a:pt x="281521" y="27035"/>
                </a:cubicBez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Freeform 20">
            <a:extLst>
              <a:ext uri="{FF2B5EF4-FFF2-40B4-BE49-F238E27FC236}">
                <a16:creationId xmlns:a16="http://schemas.microsoft.com/office/drawing/2014/main" id="{0A1F6A30-0334-DF4D-1A30-A056C9431456}"/>
              </a:ext>
            </a:extLst>
          </p:cNvPr>
          <p:cNvSpPr/>
          <p:nvPr/>
        </p:nvSpPr>
        <p:spPr bwMode="auto">
          <a:xfrm>
            <a:off x="3892284" y="3476350"/>
            <a:ext cx="1013682" cy="2103785"/>
          </a:xfrm>
          <a:custGeom>
            <a:avLst/>
            <a:gdLst>
              <a:gd name="connsiteX0" fmla="*/ 383150 w 1013678"/>
              <a:gd name="connsiteY0" fmla="*/ 1812342 h 2101108"/>
              <a:gd name="connsiteX1" fmla="*/ 197798 w 1013678"/>
              <a:gd name="connsiteY1" fmla="*/ 1466353 h 2101108"/>
              <a:gd name="connsiteX2" fmla="*/ 90 w 1013678"/>
              <a:gd name="connsiteY2" fmla="*/ 391315 h 2101108"/>
              <a:gd name="connsiteX3" fmla="*/ 222512 w 1013678"/>
              <a:gd name="connsiteY3" fmla="*/ 57682 h 2101108"/>
              <a:gd name="connsiteX4" fmla="*/ 531431 w 1013678"/>
              <a:gd name="connsiteY4" fmla="*/ 82396 h 2101108"/>
              <a:gd name="connsiteX5" fmla="*/ 803280 w 1013678"/>
              <a:gd name="connsiteY5" fmla="*/ 860872 h 2101108"/>
              <a:gd name="connsiteX6" fmla="*/ 1013344 w 1013678"/>
              <a:gd name="connsiteY6" fmla="*/ 1787628 h 2101108"/>
              <a:gd name="connsiteX7" fmla="*/ 840350 w 1013678"/>
              <a:gd name="connsiteY7" fmla="*/ 2096547 h 2101108"/>
              <a:gd name="connsiteX8" fmla="*/ 420220 w 1013678"/>
              <a:gd name="connsiteY8" fmla="*/ 1960623 h 2101108"/>
              <a:gd name="connsiteX9" fmla="*/ 383150 w 1013678"/>
              <a:gd name="connsiteY9" fmla="*/ 1812342 h 2101108"/>
              <a:gd name="connsiteX0" fmla="*/ 420224 w 1013682"/>
              <a:gd name="connsiteY0" fmla="*/ 1960623 h 2103785"/>
              <a:gd name="connsiteX1" fmla="*/ 197802 w 1013682"/>
              <a:gd name="connsiteY1" fmla="*/ 1466353 h 2103785"/>
              <a:gd name="connsiteX2" fmla="*/ 94 w 1013682"/>
              <a:gd name="connsiteY2" fmla="*/ 391315 h 2103785"/>
              <a:gd name="connsiteX3" fmla="*/ 222516 w 1013682"/>
              <a:gd name="connsiteY3" fmla="*/ 57682 h 2103785"/>
              <a:gd name="connsiteX4" fmla="*/ 531435 w 1013682"/>
              <a:gd name="connsiteY4" fmla="*/ 82396 h 2103785"/>
              <a:gd name="connsiteX5" fmla="*/ 803284 w 1013682"/>
              <a:gd name="connsiteY5" fmla="*/ 860872 h 2103785"/>
              <a:gd name="connsiteX6" fmla="*/ 1013348 w 1013682"/>
              <a:gd name="connsiteY6" fmla="*/ 1787628 h 2103785"/>
              <a:gd name="connsiteX7" fmla="*/ 840354 w 1013682"/>
              <a:gd name="connsiteY7" fmla="*/ 2096547 h 2103785"/>
              <a:gd name="connsiteX8" fmla="*/ 420224 w 1013682"/>
              <a:gd name="connsiteY8" fmla="*/ 1960623 h 210378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13682" h="2103785">
                <a:moveTo>
                  <a:pt x="420224" y="1960623"/>
                </a:moveTo>
                <a:cubicBezTo>
                  <a:pt x="313132" y="1855591"/>
                  <a:pt x="267824" y="1727904"/>
                  <a:pt x="197802" y="1466353"/>
                </a:cubicBezTo>
                <a:cubicBezTo>
                  <a:pt x="127780" y="1204802"/>
                  <a:pt x="-4025" y="626093"/>
                  <a:pt x="94" y="391315"/>
                </a:cubicBezTo>
                <a:cubicBezTo>
                  <a:pt x="4213" y="156536"/>
                  <a:pt x="133959" y="109168"/>
                  <a:pt x="222516" y="57682"/>
                </a:cubicBezTo>
                <a:cubicBezTo>
                  <a:pt x="311073" y="6195"/>
                  <a:pt x="434640" y="-51469"/>
                  <a:pt x="531435" y="82396"/>
                </a:cubicBezTo>
                <a:cubicBezTo>
                  <a:pt x="628230" y="216261"/>
                  <a:pt x="722965" y="576667"/>
                  <a:pt x="803284" y="860872"/>
                </a:cubicBezTo>
                <a:cubicBezTo>
                  <a:pt x="883603" y="1145077"/>
                  <a:pt x="1007170" y="1581682"/>
                  <a:pt x="1013348" y="1787628"/>
                </a:cubicBezTo>
                <a:cubicBezTo>
                  <a:pt x="1019526" y="1993574"/>
                  <a:pt x="939208" y="2067715"/>
                  <a:pt x="840354" y="2096547"/>
                </a:cubicBezTo>
                <a:cubicBezTo>
                  <a:pt x="741500" y="2125379"/>
                  <a:pt x="527316" y="2065655"/>
                  <a:pt x="420224" y="1960623"/>
                </a:cubicBez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5CB405B-02E1-20FC-3A11-5D4C3E8CC689}"/>
                  </a:ext>
                </a:extLst>
              </p:cNvPr>
              <p:cNvSpPr txBox="1"/>
              <p:nvPr/>
            </p:nvSpPr>
            <p:spPr>
              <a:xfrm>
                <a:off x="3079350" y="1362351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5CB405B-02E1-20FC-3A11-5D4C3E8CC68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79350" y="1362351"/>
                <a:ext cx="696152" cy="409343"/>
              </a:xfrm>
              <a:prstGeom prst="rect">
                <a:avLst/>
              </a:prstGeom>
              <a:blipFill>
                <a:blip r:embed="rId8"/>
                <a:stretch>
                  <a:fillRect l="-3571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E9762C68-5F2E-F5D4-8A6F-E43BD123B73C}"/>
                  </a:ext>
                </a:extLst>
              </p:cNvPr>
              <p:cNvSpPr txBox="1"/>
              <p:nvPr/>
            </p:nvSpPr>
            <p:spPr>
              <a:xfrm>
                <a:off x="1402868" y="4442585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E9762C68-5F2E-F5D4-8A6F-E43BD123B73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868" y="4442585"/>
                <a:ext cx="696152" cy="409343"/>
              </a:xfrm>
              <a:prstGeom prst="rect">
                <a:avLst/>
              </a:prstGeom>
              <a:blipFill>
                <a:blip r:embed="rId9"/>
                <a:stretch>
                  <a:fillRect l="-3571" r="-1786" b="-1470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65BBE31D-9373-1EFF-0BCB-EB4CBF6036F1}"/>
                  </a:ext>
                </a:extLst>
              </p:cNvPr>
              <p:cNvSpPr txBox="1"/>
              <p:nvPr/>
            </p:nvSpPr>
            <p:spPr>
              <a:xfrm>
                <a:off x="4399125" y="5580135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65BBE31D-9373-1EFF-0BCB-EB4CBF6036F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99125" y="5580135"/>
                <a:ext cx="696152" cy="409343"/>
              </a:xfrm>
              <a:prstGeom prst="rect">
                <a:avLst/>
              </a:prstGeom>
              <a:blipFill>
                <a:blip r:embed="rId10"/>
                <a:stretch>
                  <a:fillRect l="-3571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B4CB6D23-DCB9-7D27-3527-3F43C26949A9}"/>
                  </a:ext>
                </a:extLst>
              </p:cNvPr>
              <p:cNvSpPr txBox="1"/>
              <p:nvPr/>
            </p:nvSpPr>
            <p:spPr>
              <a:xfrm>
                <a:off x="6401363" y="3212976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B4CB6D23-DCB9-7D27-3527-3F43C26949A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401363" y="3212976"/>
                <a:ext cx="696152" cy="409343"/>
              </a:xfrm>
              <a:prstGeom prst="rect">
                <a:avLst/>
              </a:prstGeom>
              <a:blipFill>
                <a:blip r:embed="rId11"/>
                <a:stretch>
                  <a:fillRect l="-5455" r="-3636" b="-1470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15333457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11" name="Picture 4">
            <a:extLst>
              <a:ext uri="{FF2B5EF4-FFF2-40B4-BE49-F238E27FC236}">
                <a16:creationId xmlns:a16="http://schemas.microsoft.com/office/drawing/2014/main" id="{85C43F11-F8C8-F06D-ACA3-7F0985CB11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9656" y="980728"/>
            <a:ext cx="6711119" cy="50333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049827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7170" name="Picture 2">
            <a:extLst>
              <a:ext uri="{FF2B5EF4-FFF2-40B4-BE49-F238E27FC236}">
                <a16:creationId xmlns:a16="http://schemas.microsoft.com/office/drawing/2014/main" id="{0DDC631B-15B3-0E9F-D27D-D68F14B6F4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193543"/>
            <a:ext cx="6714175" cy="47557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7170" name="Picture 2">
            <a:extLst>
              <a:ext uri="{FF2B5EF4-FFF2-40B4-BE49-F238E27FC236}">
                <a16:creationId xmlns:a16="http://schemas.microsoft.com/office/drawing/2014/main" id="{0DDC631B-15B3-0E9F-D27D-D68F14B6F4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193543"/>
            <a:ext cx="6714175" cy="47557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1B44DE7B-9859-C96B-F381-F8F79EAD5875}"/>
              </a:ext>
            </a:extLst>
          </p:cNvPr>
          <p:cNvSpPr txBox="1"/>
          <p:nvPr/>
        </p:nvSpPr>
        <p:spPr>
          <a:xfrm>
            <a:off x="8887679" y="2967606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D9D5F51-73D2-EEE0-EE4C-E7BC2C438A0E}"/>
              </a:ext>
            </a:extLst>
          </p:cNvPr>
          <p:cNvSpPr txBox="1"/>
          <p:nvPr/>
        </p:nvSpPr>
        <p:spPr>
          <a:xfrm>
            <a:off x="8887679" y="3189360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FD67AD9A-59E2-F856-98FB-EDF0E5F2282E}"/>
              </a:ext>
            </a:extLst>
          </p:cNvPr>
          <p:cNvSpPr/>
          <p:nvPr/>
        </p:nvSpPr>
        <p:spPr bwMode="auto">
          <a:xfrm>
            <a:off x="8872439" y="2782088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A2D2B767-340E-EA70-B953-7D9881DA5A9C}"/>
              </a:ext>
            </a:extLst>
          </p:cNvPr>
          <p:cNvSpPr/>
          <p:nvPr/>
        </p:nvSpPr>
        <p:spPr bwMode="auto">
          <a:xfrm>
            <a:off x="9792701" y="2782088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1A04867D-4FA1-707E-4446-046937DE1BAB}"/>
              </a:ext>
            </a:extLst>
          </p:cNvPr>
          <p:cNvSpPr/>
          <p:nvPr/>
        </p:nvSpPr>
        <p:spPr bwMode="auto">
          <a:xfrm>
            <a:off x="10697724" y="2784751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BA57924-36A3-8D9E-AD7B-BEC1284F5DE4}"/>
              </a:ext>
            </a:extLst>
          </p:cNvPr>
          <p:cNvSpPr txBox="1"/>
          <p:nvPr/>
        </p:nvSpPr>
        <p:spPr>
          <a:xfrm>
            <a:off x="9291635" y="1815766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BE94EE5D-49DE-A4CA-097A-167692B30C64}"/>
              </a:ext>
            </a:extLst>
          </p:cNvPr>
          <p:cNvSpPr/>
          <p:nvPr/>
        </p:nvSpPr>
        <p:spPr bwMode="auto">
          <a:xfrm>
            <a:off x="9291635" y="1581053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6B88F731-D4B2-9ABD-2DD6-D3EAD85DE301}"/>
              </a:ext>
            </a:extLst>
          </p:cNvPr>
          <p:cNvSpPr/>
          <p:nvPr/>
        </p:nvSpPr>
        <p:spPr bwMode="auto">
          <a:xfrm>
            <a:off x="9757477" y="4884578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D2B0DFE-4417-A548-4EB7-4032CE81C207}"/>
              </a:ext>
            </a:extLst>
          </p:cNvPr>
          <p:cNvSpPr txBox="1"/>
          <p:nvPr/>
        </p:nvSpPr>
        <p:spPr>
          <a:xfrm>
            <a:off x="9353083" y="2067223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121B47E9-7F72-8023-CEFA-CCCF508C6B45}"/>
              </a:ext>
            </a:extLst>
          </p:cNvPr>
          <p:cNvSpPr txBox="1"/>
          <p:nvPr/>
        </p:nvSpPr>
        <p:spPr>
          <a:xfrm>
            <a:off x="9736067" y="5110473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43D6DF95-D1D2-3ED9-BD39-26038FD94869}"/>
              </a:ext>
            </a:extLst>
          </p:cNvPr>
          <p:cNvSpPr/>
          <p:nvPr/>
        </p:nvSpPr>
        <p:spPr bwMode="auto">
          <a:xfrm>
            <a:off x="10211801" y="1583307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7D0B0AA2-9C45-9A87-930E-9B5592106CF1}"/>
              </a:ext>
            </a:extLst>
          </p:cNvPr>
          <p:cNvSpPr txBox="1"/>
          <p:nvPr/>
        </p:nvSpPr>
        <p:spPr>
          <a:xfrm>
            <a:off x="9797515" y="5328848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EF93BA43-6D47-5A51-3D66-DEB1067391E9}"/>
              </a:ext>
            </a:extLst>
          </p:cNvPr>
          <p:cNvCxnSpPr/>
          <p:nvPr/>
        </p:nvCxnSpPr>
        <p:spPr bwMode="auto">
          <a:xfrm flipV="1">
            <a:off x="9016455" y="2319534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CA7252DB-B037-0728-4769-BEF7A695011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519101" y="2319534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EEB90BBA-B6A9-9DF6-5A96-5D4D38A7BE0F}"/>
              </a:ext>
            </a:extLst>
          </p:cNvPr>
          <p:cNvCxnSpPr/>
          <p:nvPr/>
        </p:nvCxnSpPr>
        <p:spPr bwMode="auto">
          <a:xfrm flipV="1">
            <a:off x="9964474" y="2327981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AE6AE819-EA7E-7A4B-5181-0F40236579E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467120" y="2327981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908BBE5D-1261-32A1-EC43-062A9340EE01}"/>
              </a:ext>
            </a:extLst>
          </p:cNvPr>
          <p:cNvCxnSpPr>
            <a:cxnSpLocks/>
          </p:cNvCxnSpPr>
          <p:nvPr/>
        </p:nvCxnSpPr>
        <p:spPr bwMode="auto">
          <a:xfrm>
            <a:off x="8959687" y="3423270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BFC4E9A9-C633-7AE0-12F8-2B8FC973F2DF}"/>
              </a:ext>
            </a:extLst>
          </p:cNvPr>
          <p:cNvCxnSpPr>
            <a:cxnSpLocks/>
          </p:cNvCxnSpPr>
          <p:nvPr/>
        </p:nvCxnSpPr>
        <p:spPr bwMode="auto">
          <a:xfrm flipH="1">
            <a:off x="9981327" y="3423270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E4480B60-47DF-1309-61F4-675DA63333FD}"/>
              </a:ext>
            </a:extLst>
          </p:cNvPr>
          <p:cNvSpPr/>
          <p:nvPr/>
        </p:nvSpPr>
        <p:spPr bwMode="auto">
          <a:xfrm>
            <a:off x="9761318" y="3811928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01451DD7-20AA-0151-4CFB-8A6C031BA8C0}"/>
              </a:ext>
            </a:extLst>
          </p:cNvPr>
          <p:cNvSpPr txBox="1"/>
          <p:nvPr/>
        </p:nvSpPr>
        <p:spPr>
          <a:xfrm>
            <a:off x="9688080" y="4038826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05E4599-769F-8BBA-41A8-1E8D3C1B7E27}"/>
              </a:ext>
            </a:extLst>
          </p:cNvPr>
          <p:cNvSpPr txBox="1"/>
          <p:nvPr/>
        </p:nvSpPr>
        <p:spPr>
          <a:xfrm>
            <a:off x="9811788" y="4252507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09F95875-3DB7-FBCF-4596-3FC8E6DA2F84}"/>
              </a:ext>
            </a:extLst>
          </p:cNvPr>
          <p:cNvCxnSpPr>
            <a:cxnSpLocks/>
          </p:cNvCxnSpPr>
          <p:nvPr/>
        </p:nvCxnSpPr>
        <p:spPr bwMode="auto">
          <a:xfrm>
            <a:off x="8959687" y="3426566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42B66982-351F-1FE9-DEB3-1755F0B2C3D7}"/>
              </a:ext>
            </a:extLst>
          </p:cNvPr>
          <p:cNvCxnSpPr>
            <a:cxnSpLocks/>
          </p:cNvCxnSpPr>
          <p:nvPr/>
        </p:nvCxnSpPr>
        <p:spPr bwMode="auto">
          <a:xfrm flipH="1">
            <a:off x="9982844" y="3429000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BCAE74BD-CDB9-3A45-2A31-F641465A8658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864710" y="3423270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44912808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3378426" y="1196752"/>
            <a:ext cx="5430974" cy="47221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194" name="Picture 2">
            <a:extLst>
              <a:ext uri="{FF2B5EF4-FFF2-40B4-BE49-F238E27FC236}">
                <a16:creationId xmlns:a16="http://schemas.microsoft.com/office/drawing/2014/main" id="{48914327-5F74-C59B-BF72-6C45BD7325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3850" y="1088659"/>
            <a:ext cx="5085184" cy="5085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10" name="Picture 2">
            <a:extLst>
              <a:ext uri="{FF2B5EF4-FFF2-40B4-BE49-F238E27FC236}">
                <a16:creationId xmlns:a16="http://schemas.microsoft.com/office/drawing/2014/main" id="{7675CD06-0F56-595B-F315-30E810BADC7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122" b="9122"/>
          <a:stretch/>
        </p:blipFill>
        <p:spPr bwMode="auto">
          <a:xfrm>
            <a:off x="1059649" y="980728"/>
            <a:ext cx="6402915" cy="52347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281123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BD6D128-2DFD-99BD-9BF5-9F72FF297BDE}"/>
              </a:ext>
            </a:extLst>
          </p:cNvPr>
          <p:cNvSpPr txBox="1"/>
          <p:nvPr/>
        </p:nvSpPr>
        <p:spPr>
          <a:xfrm>
            <a:off x="8664486" y="3068672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A38669C-E2EA-4822-2525-EEDAB94276E9}"/>
              </a:ext>
            </a:extLst>
          </p:cNvPr>
          <p:cNvSpPr txBox="1"/>
          <p:nvPr/>
        </p:nvSpPr>
        <p:spPr>
          <a:xfrm>
            <a:off x="8664486" y="3290426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CFCE39E1-526E-785E-B753-AAAD0EA56B3A}"/>
              </a:ext>
            </a:extLst>
          </p:cNvPr>
          <p:cNvSpPr/>
          <p:nvPr/>
        </p:nvSpPr>
        <p:spPr bwMode="auto">
          <a:xfrm>
            <a:off x="8649246" y="2883154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4D9FDCE-A90B-77D4-3E98-0C61956B716D}"/>
              </a:ext>
            </a:extLst>
          </p:cNvPr>
          <p:cNvSpPr/>
          <p:nvPr/>
        </p:nvSpPr>
        <p:spPr bwMode="auto">
          <a:xfrm>
            <a:off x="9569508" y="2883154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9E3F5D52-ADFB-A514-7C56-7652BB2CF339}"/>
              </a:ext>
            </a:extLst>
          </p:cNvPr>
          <p:cNvSpPr/>
          <p:nvPr/>
        </p:nvSpPr>
        <p:spPr bwMode="auto">
          <a:xfrm>
            <a:off x="10474531" y="2885817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2F4C5D4-CCED-D48A-34C2-D1DE4DDDEE3B}"/>
              </a:ext>
            </a:extLst>
          </p:cNvPr>
          <p:cNvSpPr txBox="1"/>
          <p:nvPr/>
        </p:nvSpPr>
        <p:spPr>
          <a:xfrm>
            <a:off x="9068442" y="1916832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506EADF5-AC94-842D-775D-E06F50C0982D}"/>
              </a:ext>
            </a:extLst>
          </p:cNvPr>
          <p:cNvSpPr/>
          <p:nvPr/>
        </p:nvSpPr>
        <p:spPr bwMode="auto">
          <a:xfrm>
            <a:off x="9068442" y="1682119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9F5CBC3D-26AD-03C5-4B1D-0CACF2541938}"/>
              </a:ext>
            </a:extLst>
          </p:cNvPr>
          <p:cNvSpPr/>
          <p:nvPr/>
        </p:nvSpPr>
        <p:spPr bwMode="auto">
          <a:xfrm>
            <a:off x="9534284" y="4985644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72AE48E-39C9-2135-8C2D-F04E48C82EB6}"/>
              </a:ext>
            </a:extLst>
          </p:cNvPr>
          <p:cNvSpPr txBox="1"/>
          <p:nvPr/>
        </p:nvSpPr>
        <p:spPr>
          <a:xfrm>
            <a:off x="9129890" y="2168289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9D2559F-957C-E848-D632-2C84CEBD1A18}"/>
              </a:ext>
            </a:extLst>
          </p:cNvPr>
          <p:cNvSpPr txBox="1"/>
          <p:nvPr/>
        </p:nvSpPr>
        <p:spPr>
          <a:xfrm>
            <a:off x="9512874" y="5211539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7B00E6FD-4B05-C9FF-31D9-E59CB748C74E}"/>
              </a:ext>
            </a:extLst>
          </p:cNvPr>
          <p:cNvSpPr/>
          <p:nvPr/>
        </p:nvSpPr>
        <p:spPr bwMode="auto">
          <a:xfrm>
            <a:off x="9988608" y="1684373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9B037B2B-1924-A48D-D60E-F760C128D080}"/>
              </a:ext>
            </a:extLst>
          </p:cNvPr>
          <p:cNvSpPr txBox="1"/>
          <p:nvPr/>
        </p:nvSpPr>
        <p:spPr>
          <a:xfrm>
            <a:off x="9574322" y="5429914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65E6E693-4EB7-187E-D530-5E606F9D161C}"/>
              </a:ext>
            </a:extLst>
          </p:cNvPr>
          <p:cNvCxnSpPr/>
          <p:nvPr/>
        </p:nvCxnSpPr>
        <p:spPr bwMode="auto">
          <a:xfrm flipV="1">
            <a:off x="8793262" y="2420600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2FC4FA13-942E-8F8F-176E-BF3CEFA2CA0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295908" y="2420600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2ED3782D-AA5F-8CEF-B3D3-903C79388B2F}"/>
              </a:ext>
            </a:extLst>
          </p:cNvPr>
          <p:cNvCxnSpPr/>
          <p:nvPr/>
        </p:nvCxnSpPr>
        <p:spPr bwMode="auto">
          <a:xfrm flipV="1">
            <a:off x="9741281" y="2429047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C08DE037-D386-43B9-3C39-E08E9AC293A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43927" y="2429047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C6094674-CC81-7441-C04E-DB68E7521861}"/>
              </a:ext>
            </a:extLst>
          </p:cNvPr>
          <p:cNvCxnSpPr>
            <a:cxnSpLocks/>
          </p:cNvCxnSpPr>
          <p:nvPr/>
        </p:nvCxnSpPr>
        <p:spPr bwMode="auto">
          <a:xfrm>
            <a:off x="8736494" y="3524336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2F8641AE-0C76-FC10-893F-35285353C80E}"/>
              </a:ext>
            </a:extLst>
          </p:cNvPr>
          <p:cNvCxnSpPr>
            <a:cxnSpLocks/>
          </p:cNvCxnSpPr>
          <p:nvPr/>
        </p:nvCxnSpPr>
        <p:spPr bwMode="auto">
          <a:xfrm flipH="1">
            <a:off x="9758134" y="3524336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BC24A2A1-5F90-9959-E276-BF4829085668}"/>
              </a:ext>
            </a:extLst>
          </p:cNvPr>
          <p:cNvSpPr/>
          <p:nvPr/>
        </p:nvSpPr>
        <p:spPr bwMode="auto">
          <a:xfrm>
            <a:off x="9538125" y="3912994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7ADFAB60-9052-8372-FEFF-37CB69E21303}"/>
              </a:ext>
            </a:extLst>
          </p:cNvPr>
          <p:cNvSpPr txBox="1"/>
          <p:nvPr/>
        </p:nvSpPr>
        <p:spPr>
          <a:xfrm>
            <a:off x="9464887" y="4139892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44F3327-1D57-3C4F-2940-FB2124989F2C}"/>
              </a:ext>
            </a:extLst>
          </p:cNvPr>
          <p:cNvSpPr txBox="1"/>
          <p:nvPr/>
        </p:nvSpPr>
        <p:spPr>
          <a:xfrm>
            <a:off x="9588595" y="4353573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E2A50B6-F564-63D3-EC4D-F498C5CA091A}"/>
              </a:ext>
            </a:extLst>
          </p:cNvPr>
          <p:cNvCxnSpPr>
            <a:cxnSpLocks/>
          </p:cNvCxnSpPr>
          <p:nvPr/>
        </p:nvCxnSpPr>
        <p:spPr bwMode="auto">
          <a:xfrm>
            <a:off x="8736494" y="3527632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DF86C2B-C038-0970-FD38-9A8194F98024}"/>
              </a:ext>
            </a:extLst>
          </p:cNvPr>
          <p:cNvCxnSpPr>
            <a:cxnSpLocks/>
          </p:cNvCxnSpPr>
          <p:nvPr/>
        </p:nvCxnSpPr>
        <p:spPr bwMode="auto">
          <a:xfrm flipH="1">
            <a:off x="9759651" y="3530066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FF4D952-8CDC-BF27-B94C-8E4F39A97814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641517" y="3524336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2050" name="Picture 2">
            <a:extLst>
              <a:ext uri="{FF2B5EF4-FFF2-40B4-BE49-F238E27FC236}">
                <a16:creationId xmlns:a16="http://schemas.microsoft.com/office/drawing/2014/main" id="{25FB6269-BA54-DA99-4957-CD6661B3F51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122" b="9122"/>
          <a:stretch/>
        </p:blipFill>
        <p:spPr bwMode="auto">
          <a:xfrm>
            <a:off x="1059649" y="980728"/>
            <a:ext cx="6402915" cy="52347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9729795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1255565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303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381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43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8586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92505892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>
            <a:extLst>
              <a:ext uri="{FF2B5EF4-FFF2-40B4-BE49-F238E27FC236}">
                <a16:creationId xmlns:a16="http://schemas.microsoft.com/office/drawing/2014/main" id="{33E7396C-A4E8-5A88-4E61-D0C66E6283A6}"/>
              </a:ext>
            </a:extLst>
          </p:cNvPr>
          <p:cNvSpPr/>
          <p:nvPr/>
        </p:nvSpPr>
        <p:spPr bwMode="auto">
          <a:xfrm>
            <a:off x="1649650" y="3534916"/>
            <a:ext cx="1164734" cy="115933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1255565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303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381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43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8586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>
            <a:extLst>
              <a:ext uri="{FF2B5EF4-FFF2-40B4-BE49-F238E27FC236}">
                <a16:creationId xmlns:a16="http://schemas.microsoft.com/office/drawing/2014/main" id="{289301EE-CDFD-9BAD-5537-C4D8D9C496C9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6531099" y="3860581"/>
            <a:ext cx="3187700" cy="50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8536770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>
            <a:extLst>
              <a:ext uri="{FF2B5EF4-FFF2-40B4-BE49-F238E27FC236}">
                <a16:creationId xmlns:a16="http://schemas.microsoft.com/office/drawing/2014/main" id="{33E7396C-A4E8-5A88-4E61-D0C66E6283A6}"/>
              </a:ext>
            </a:extLst>
          </p:cNvPr>
          <p:cNvSpPr/>
          <p:nvPr/>
        </p:nvSpPr>
        <p:spPr bwMode="auto">
          <a:xfrm>
            <a:off x="1649650" y="3534916"/>
            <a:ext cx="1164734" cy="115933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1255565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303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381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43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8586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" name="Picture 1">
            <a:extLst>
              <a:ext uri="{FF2B5EF4-FFF2-40B4-BE49-F238E27FC236}">
                <a16:creationId xmlns:a16="http://schemas.microsoft.com/office/drawing/2014/main" id="{6035F8A9-2686-B48C-E180-3C1C79F8BB5F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4118114" y="3702734"/>
            <a:ext cx="7727791" cy="8638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6072168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1255565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303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381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43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8586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" name="Picture 1">
            <a:extLst>
              <a:ext uri="{FF2B5EF4-FFF2-40B4-BE49-F238E27FC236}">
                <a16:creationId xmlns:a16="http://schemas.microsoft.com/office/drawing/2014/main" id="{6035F8A9-2686-B48C-E180-3C1C79F8BB5F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4118114" y="3702734"/>
            <a:ext cx="7727791" cy="863860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FC94855E-D249-FA7D-DFF9-7220B48A4B96}"/>
              </a:ext>
            </a:extLst>
          </p:cNvPr>
          <p:cNvPicPr>
            <a:picLocks noChangeAspect="1"/>
          </p:cNvPicPr>
          <p:nvPr/>
        </p:nvPicPr>
        <p:blipFill>
          <a:blip r:embed="rId28"/>
          <a:stretch>
            <a:fillRect/>
          </a:stretch>
        </p:blipFill>
        <p:spPr>
          <a:xfrm>
            <a:off x="5816783" y="1940057"/>
            <a:ext cx="4464102" cy="862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876322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4100" name="Picture 4">
            <a:extLst>
              <a:ext uri="{FF2B5EF4-FFF2-40B4-BE49-F238E27FC236}">
                <a16:creationId xmlns:a16="http://schemas.microsoft.com/office/drawing/2014/main" id="{18DBBB0F-FB48-8F4B-BB09-0EE02B5A7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51" b="6951"/>
          <a:stretch/>
        </p:blipFill>
        <p:spPr bwMode="auto">
          <a:xfrm>
            <a:off x="6454452" y="1268760"/>
            <a:ext cx="5384697" cy="4636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39" name="Picture 2">
            <a:extLst>
              <a:ext uri="{FF2B5EF4-FFF2-40B4-BE49-F238E27FC236}">
                <a16:creationId xmlns:a16="http://schemas.microsoft.com/office/drawing/2014/main" id="{957F928C-661E-B449-A70A-2F51791A57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1" name="Group 20">
            <a:extLst>
              <a:ext uri="{FF2B5EF4-FFF2-40B4-BE49-F238E27FC236}">
                <a16:creationId xmlns:a16="http://schemas.microsoft.com/office/drawing/2014/main" id="{74C4D2D7-68D0-E749-AED2-8E330E806B42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385CAFD1-65E0-8748-AE27-ADEB82C8E7B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06F4D2AD-631D-144C-990F-52F6CD9DE9B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16B82C46-B935-754A-B5AC-A98ED7771CA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29326CD5-B740-6D4D-97DA-A1138753A0A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ED408096-B621-7143-9A95-572A7B0E3B2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BD5216E1-B5F7-D44A-9548-F17A0F6D2F8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FEBB2FC4-3F40-EC4C-8B30-5040917AE4F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9FC9EAE1-E606-AE45-9AEA-68805F03A166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AC5F82B7-0DB7-1343-A156-77CF12116DC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53A246F6-288A-D541-B5D4-0C1D4ECD75B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5ADD550-76C8-8646-B77F-2999E46F98B6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AF17B2CB-FA22-3947-A152-5C39333041B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B162DCFD-ADC7-4C45-AF91-77342FCAF569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CC9EAF71-8F36-FB40-871B-D5E3A7EA30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1E50F36-360C-E540-8F5F-55B28128D59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0728DEB-B124-D24D-97BE-12071FBDDA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2">
            <a:extLst>
              <a:ext uri="{FF2B5EF4-FFF2-40B4-BE49-F238E27FC236}">
                <a16:creationId xmlns:a16="http://schemas.microsoft.com/office/drawing/2014/main" id="{642D59FE-51F9-A240-9C35-4A654C3883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4704745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4704745" y="3269256"/>
            <a:ext cx="432048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13884" y="3754876"/>
            <a:ext cx="289622" cy="1381201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0874" h="2895218">
                <a:moveTo>
                  <a:pt x="185872" y="2895218"/>
                </a:moveTo>
                <a:cubicBezTo>
                  <a:pt x="151948" y="1586688"/>
                  <a:pt x="163501" y="2047446"/>
                  <a:pt x="133813" y="1604101"/>
                </a:cubicBezTo>
                <a:cubicBezTo>
                  <a:pt x="104125" y="1160755"/>
                  <a:pt x="-33821" y="485516"/>
                  <a:pt x="7742" y="235145"/>
                </a:cubicBezTo>
                <a:cubicBezTo>
                  <a:pt x="49305" y="-15226"/>
                  <a:pt x="165089" y="-5825"/>
                  <a:pt x="280874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2903" y="3754876"/>
            <a:ext cx="902791" cy="1941249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37429" y="396143"/>
                  <a:pt x="287169" y="704061"/>
                </a:cubicBezTo>
                <a:cubicBezTo>
                  <a:pt x="336909" y="1011979"/>
                  <a:pt x="452434" y="1591588"/>
                  <a:pt x="524899" y="1937408"/>
                </a:cubicBezTo>
                <a:cubicBezTo>
                  <a:pt x="597364" y="2283228"/>
                  <a:pt x="629678" y="2401486"/>
                  <a:pt x="721957" y="2778982"/>
                </a:cubicBezTo>
                <a:cubicBezTo>
                  <a:pt x="795976" y="3098806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  <a:endCxn id="64" idx="2"/>
          </p:cNvCxnSpPr>
          <p:nvPr/>
        </p:nvCxnSpPr>
        <p:spPr bwMode="auto">
          <a:xfrm>
            <a:off x="1394003" y="1396917"/>
            <a:ext cx="0" cy="187233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 flipV="1">
            <a:off x="1303124" y="3269256"/>
            <a:ext cx="181758" cy="974803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blipFill>
                <a:blip r:embed="rId5"/>
                <a:stretch>
                  <a:fillRect l="-10638" t="-3448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Rectangle 32">
            <a:extLst>
              <a:ext uri="{FF2B5EF4-FFF2-40B4-BE49-F238E27FC236}">
                <a16:creationId xmlns:a16="http://schemas.microsoft.com/office/drawing/2014/main" id="{FD2AF1CE-D06B-A446-A281-40BC45BE608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FD17BD05-2B4F-9849-8822-F8404AD9CC27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AC91696-8955-2D47-A664-8392D6AF3F4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851F1FEF-6014-A544-A8FE-7CA601B1267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064EE540-7544-B649-835D-5F7DB2A6865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1A1E4FE-8A3D-7142-8D41-1D1C1EE3DDD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AB46A604-4669-1449-8117-41BB4D24DC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5BF672A5-9583-B142-8ED7-4D9B6248A65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CDBD01FE-B60B-1E48-9983-C3678C79D62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F168F0E-D548-6343-870B-0C15993016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4CA38D6C-A6E3-FA4A-B050-739DC9FF412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9778B17C-E0D9-6947-A3A7-15F1A4A8FCE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F4A92F47-ACC1-1548-991A-6DFC9880F17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B99BD059-871B-7A4A-A2F1-E00453446C7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13BA33FD-7FBE-7241-84F6-1FBD6AA6C708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9BD8FD7-EB7E-844C-B63B-0FDFD349F3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DA0781DB-3E53-634B-A980-FB2F2279D73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7054F031-41E7-9240-B556-64D6BFD0B4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36" name="Picture 2">
            <a:extLst>
              <a:ext uri="{FF2B5EF4-FFF2-40B4-BE49-F238E27FC236}">
                <a16:creationId xmlns:a16="http://schemas.microsoft.com/office/drawing/2014/main" id="{3EB37451-8890-344C-BC2C-D73F9AF2E4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7" name="Rectangle 36">
            <a:extLst>
              <a:ext uri="{FF2B5EF4-FFF2-40B4-BE49-F238E27FC236}">
                <a16:creationId xmlns:a16="http://schemas.microsoft.com/office/drawing/2014/main" id="{C4F9AD04-F12F-174E-9AB6-CC389DB27B62}"/>
              </a:ext>
            </a:extLst>
          </p:cNvPr>
          <p:cNvSpPr/>
          <p:nvPr/>
        </p:nvSpPr>
        <p:spPr bwMode="auto">
          <a:xfrm>
            <a:off x="5142155" y="1589298"/>
            <a:ext cx="182880" cy="167995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266290C-2160-334F-AFDF-A7491C0ADA4E}"/>
              </a:ext>
            </a:extLst>
          </p:cNvPr>
          <p:cNvSpPr/>
          <p:nvPr/>
        </p:nvSpPr>
        <p:spPr bwMode="auto">
          <a:xfrm>
            <a:off x="5142155" y="3269256"/>
            <a:ext cx="182880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45C9B-3F15-6BC3-9CEE-C7DC95C1D0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862D01-75A9-6344-870B-5CFFF2D93EAD}" type="datetime1">
              <a:rPr lang="en-GB" smtClean="0"/>
              <a:t>27/04/2022</a:t>
            </a:fld>
            <a:r>
              <a:rPr lang="en-GB"/>
              <a:t>29/03/2022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4A9583A-FCDD-8A1C-B42A-A597BF9D92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444668"/>
            <a:ext cx="6336704" cy="550461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D5481BF-DF77-3B58-6072-C2124723904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0596" y="404664"/>
            <a:ext cx="3810885" cy="5504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421420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45C9B-3F15-6BC3-9CEE-C7DC95C1D0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862D01-75A9-6344-870B-5CFFF2D93EAD}" type="datetime1">
              <a:rPr lang="en-GB" smtClean="0"/>
              <a:t>27/04/2022</a:t>
            </a:fld>
            <a:r>
              <a:rPr lang="en-GB"/>
              <a:t>29/03/2022</a:t>
            </a:r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6F6D8653-35E6-8569-4E29-5885C70AD0F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404664"/>
            <a:ext cx="7149845" cy="5504612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21ADF9B-8387-453D-9FA7-F99EB476D9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0596" y="404664"/>
            <a:ext cx="3810885" cy="5504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53823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7B9BD424-E251-9A41-BC72-992B3C3FF81A}"/>
              </a:ext>
            </a:extLst>
          </p:cNvPr>
          <p:cNvSpPr txBox="1"/>
          <p:nvPr/>
        </p:nvSpPr>
        <p:spPr>
          <a:xfrm>
            <a:off x="995750" y="1412776"/>
            <a:ext cx="4387676" cy="63094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80767C1-449F-FE43-B949-96F4FA63AE4F}"/>
              </a:ext>
            </a:extLst>
          </p:cNvPr>
          <p:cNvSpPr txBox="1"/>
          <p:nvPr/>
        </p:nvSpPr>
        <p:spPr>
          <a:xfrm>
            <a:off x="995750" y="1412776"/>
            <a:ext cx="4483600" cy="240065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995750" y="1412776"/>
            <a:ext cx="4988545" cy="417037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 and introgress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BEB0267-AC2C-B94C-A3A3-9FC6A8766013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7A6DDD06-5F41-F94C-A23F-EE0A0CACD45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DF6DD067-B6DE-314E-A612-7FB34DC9928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9908E038-4AA5-E94B-9468-050DB70062E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F6DA692A-942C-814E-9861-D99EAB3BBA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0" y="300054"/>
            <a:ext cx="1218882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2723169" y="3212976"/>
            <a:ext cx="674248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333772" y="1027182"/>
            <a:ext cx="11665297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6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6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 err="1">
                <a:latin typeface="+mn-lt"/>
              </a:rPr>
              <a:t>Mailund</a:t>
            </a:r>
            <a:r>
              <a:rPr lang="en-GB" sz="1600" dirty="0">
                <a:latin typeface="+mn-lt"/>
              </a:rPr>
              <a:t>, T., </a:t>
            </a:r>
            <a:r>
              <a:rPr lang="en-GB" sz="1600" dirty="0" err="1">
                <a:latin typeface="+mn-lt"/>
              </a:rPr>
              <a:t>Dutheil</a:t>
            </a:r>
            <a:r>
              <a:rPr lang="en-GB" sz="1600" dirty="0">
                <a:latin typeface="+mn-lt"/>
              </a:rPr>
              <a:t>, J. Y., </a:t>
            </a:r>
            <a:r>
              <a:rPr lang="en-GB" sz="1600" dirty="0" err="1">
                <a:latin typeface="+mn-lt"/>
              </a:rPr>
              <a:t>Hobolth</a:t>
            </a:r>
            <a:r>
              <a:rPr lang="en-GB" sz="1600" dirty="0">
                <a:latin typeface="+mn-lt"/>
              </a:rPr>
              <a:t>, A., </a:t>
            </a:r>
            <a:r>
              <a:rPr lang="en-GB" sz="1600" dirty="0" err="1">
                <a:latin typeface="+mn-lt"/>
              </a:rPr>
              <a:t>Lunter</a:t>
            </a:r>
            <a:r>
              <a:rPr lang="en-GB" sz="1600" dirty="0">
                <a:latin typeface="+mn-lt"/>
              </a:rPr>
              <a:t>, G., &amp; </a:t>
            </a:r>
            <a:r>
              <a:rPr lang="en-GB" sz="1600" dirty="0" err="1">
                <a:latin typeface="+mn-lt"/>
              </a:rPr>
              <a:t>Schierup</a:t>
            </a:r>
            <a:r>
              <a:rPr lang="en-GB" sz="16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600" i="1" dirty="0" err="1">
                <a:latin typeface="+mn-lt"/>
              </a:rPr>
              <a:t>PLoS</a:t>
            </a:r>
            <a:r>
              <a:rPr lang="en-GB" sz="1600" i="1" dirty="0">
                <a:latin typeface="+mn-lt"/>
              </a:rPr>
              <a:t> genetics</a:t>
            </a:r>
            <a:r>
              <a:rPr lang="en-GB" sz="1600" dirty="0">
                <a:latin typeface="+mn-lt"/>
              </a:rPr>
              <a:t>, </a:t>
            </a:r>
            <a:r>
              <a:rPr lang="en-GB" sz="1600" i="1" dirty="0">
                <a:latin typeface="+mn-lt"/>
              </a:rPr>
              <a:t>7</a:t>
            </a:r>
            <a:r>
              <a:rPr lang="en-GB" sz="16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600" i="1" dirty="0">
                <a:latin typeface="+mn-lt"/>
              </a:rPr>
              <a:t>Nature</a:t>
            </a:r>
            <a:r>
              <a:rPr lang="en-GB" sz="1600" dirty="0">
                <a:latin typeface="+mn-lt"/>
              </a:rPr>
              <a:t>, </a:t>
            </a:r>
            <a:r>
              <a:rPr lang="en-GB" sz="1600" i="1" dirty="0">
                <a:latin typeface="+mn-lt"/>
              </a:rPr>
              <a:t>475</a:t>
            </a:r>
            <a:r>
              <a:rPr lang="en-GB" sz="1600" dirty="0">
                <a:latin typeface="+mn-lt"/>
              </a:rPr>
              <a:t>(7357), 493-496.</a:t>
            </a:r>
            <a:endParaRPr lang="en-DK" sz="16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3349666" y="3988259"/>
            <a:ext cx="1444788" cy="178878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5F519C2D-F583-A04E-A968-F3F4F53F87D1}"/>
              </a:ext>
            </a:extLst>
          </p:cNvPr>
          <p:cNvGrpSpPr/>
          <p:nvPr/>
        </p:nvGrpSpPr>
        <p:grpSpPr>
          <a:xfrm>
            <a:off x="5099433" y="4140974"/>
            <a:ext cx="4032448" cy="1483355"/>
            <a:chOff x="8172919" y="4181694"/>
            <a:chExt cx="4032448" cy="1483355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5AFB8BB0-E6FF-A045-BA6B-F265F8FD1FE7}"/>
                </a:ext>
              </a:extLst>
            </p:cNvPr>
            <p:cNvSpPr/>
            <p:nvPr/>
          </p:nvSpPr>
          <p:spPr>
            <a:xfrm>
              <a:off x="8172919" y="4181694"/>
              <a:ext cx="4032448" cy="148335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Iker Rivas-González – PhD Student</a:t>
              </a:r>
            </a:p>
            <a:p>
              <a:pPr>
                <a:lnSpc>
                  <a:spcPct val="10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Bioinformatics Research Centre (</a:t>
              </a:r>
              <a:r>
                <a:rPr lang="en-GB" sz="1600" dirty="0" err="1">
                  <a:latin typeface="+mn-lt"/>
                </a:rPr>
                <a:t>BiRC</a:t>
              </a:r>
              <a:r>
                <a:rPr lang="en-GB" sz="1600" dirty="0">
                  <a:latin typeface="+mn-lt"/>
                </a:rPr>
                <a:t>)   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GB" sz="1600" dirty="0">
                  <a:latin typeface="+mn-lt"/>
                </a:rPr>
                <a:t>Aarhus University</a:t>
              </a:r>
            </a:p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     </a:t>
              </a:r>
              <a:r>
                <a:rPr lang="en-GB" sz="1600" dirty="0" err="1">
                  <a:latin typeface="+mn-lt"/>
                </a:rPr>
                <a:t>irg@birc.au.dk</a:t>
              </a:r>
              <a:r>
                <a:rPr lang="en-GB" sz="1600" dirty="0">
                  <a:latin typeface="+mn-lt"/>
                </a:rPr>
                <a:t>          @</a:t>
              </a:r>
              <a:r>
                <a:rPr lang="en-GB" sz="1600" dirty="0" err="1">
                  <a:latin typeface="+mn-lt"/>
                </a:rPr>
                <a:t>irg_bio</a:t>
              </a:r>
              <a:endParaRPr lang="en-GB" sz="1600" dirty="0">
                <a:latin typeface="+mn-lt"/>
              </a:endParaRPr>
            </a:p>
          </p:txBody>
        </p:sp>
        <p:pic>
          <p:nvPicPr>
            <p:cNvPr id="4" name="Picture 4">
              <a:extLst>
                <a:ext uri="{FF2B5EF4-FFF2-40B4-BE49-F238E27FC236}">
                  <a16:creationId xmlns:a16="http://schemas.microsoft.com/office/drawing/2014/main" id="{93752C27-E7EA-1C4A-9D3B-36919FE2283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246578" y="5402714"/>
              <a:ext cx="230597" cy="18953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Mail Logo Stock-vektor (royaltyfri) 468389300">
              <a:extLst>
                <a:ext uri="{FF2B5EF4-FFF2-40B4-BE49-F238E27FC236}">
                  <a16:creationId xmlns:a16="http://schemas.microsoft.com/office/drawing/2014/main" id="{B0B20B2A-9F8B-104A-912A-C6C0D1E967D2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7476"/>
            <a:stretch/>
          </p:blipFill>
          <p:spPr bwMode="auto">
            <a:xfrm>
              <a:off x="8231794" y="5368938"/>
              <a:ext cx="299399" cy="24088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2992E832-CE0A-FA42-8987-67FC4D5D54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D1A50CB-414F-D74D-B31A-2C31FB92B7CA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406640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124744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438167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Graphic 19">
            <a:extLst>
              <a:ext uri="{FF2B5EF4-FFF2-40B4-BE49-F238E27FC236}">
                <a16:creationId xmlns:a16="http://schemas.microsoft.com/office/drawing/2014/main" id="{7F2A7B4F-1FE3-5041-C0E9-502FE1CB91E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53852" y="1397151"/>
            <a:ext cx="3544017" cy="3544017"/>
          </a:xfrm>
          <a:prstGeom prst="rect">
            <a:avLst/>
          </a:prstGeom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91444" cy="35740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91444" cy="357406"/>
              </a:xfrm>
              <a:prstGeom prst="rect">
                <a:avLst/>
              </a:prstGeom>
              <a:blipFill>
                <a:blip r:embed="rId6"/>
                <a:stretch>
                  <a:fillRect l="-8333" t="-333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7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30909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8" name="Group 37">
            <a:extLst>
              <a:ext uri="{FF2B5EF4-FFF2-40B4-BE49-F238E27FC236}">
                <a16:creationId xmlns:a16="http://schemas.microsoft.com/office/drawing/2014/main" id="{2956A5F7-C95A-27E9-A57D-E648DDD8250B}"/>
              </a:ext>
            </a:extLst>
          </p:cNvPr>
          <p:cNvGrpSpPr/>
          <p:nvPr/>
        </p:nvGrpSpPr>
        <p:grpSpPr>
          <a:xfrm>
            <a:off x="1053852" y="1397151"/>
            <a:ext cx="10292107" cy="3544017"/>
            <a:chOff x="1053852" y="1397151"/>
            <a:chExt cx="10292107" cy="3544017"/>
          </a:xfrm>
        </p:grpSpPr>
        <p:pic>
          <p:nvPicPr>
            <p:cNvPr id="56" name="Graphic 55">
              <a:extLst>
                <a:ext uri="{FF2B5EF4-FFF2-40B4-BE49-F238E27FC236}">
                  <a16:creationId xmlns:a16="http://schemas.microsoft.com/office/drawing/2014/main" id="{A975CCE1-C1F9-6B12-6E0F-525B429F51C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1053852" y="1397151"/>
              <a:ext cx="3544017" cy="3544017"/>
            </a:xfrm>
            <a:prstGeom prst="rect">
              <a:avLst/>
            </a:prstGeom>
          </p:spPr>
        </p:pic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4A9D173E-25E0-F241-937E-7679C8A276B5}"/>
                </a:ext>
              </a:extLst>
            </p:cNvPr>
            <p:cNvGrpSpPr/>
            <p:nvPr/>
          </p:nvGrpSpPr>
          <p:grpSpPr>
            <a:xfrm>
              <a:off x="3299033" y="1397151"/>
              <a:ext cx="8046926" cy="3544017"/>
              <a:chOff x="2451751" y="1253135"/>
              <a:chExt cx="6803820" cy="2996530"/>
            </a:xfrm>
          </p:grpSpPr>
          <p:pic>
            <p:nvPicPr>
              <p:cNvPr id="5" name="Graphic 4">
                <a:extLst>
                  <a:ext uri="{FF2B5EF4-FFF2-40B4-BE49-F238E27FC236}">
                    <a16:creationId xmlns:a16="http://schemas.microsoft.com/office/drawing/2014/main" id="{77B4BFC3-A717-BB49-9096-E739EE62A1B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7"/>
                  </a:ext>
                </a:extLst>
              </a:blip>
              <a:stretch>
                <a:fillRect/>
              </a:stretch>
            </p:blipFill>
            <p:spPr>
              <a:xfrm>
                <a:off x="2451751" y="1253135"/>
                <a:ext cx="2996530" cy="2996530"/>
              </a:xfrm>
              <a:prstGeom prst="rect">
                <a:avLst/>
              </a:prstGeom>
            </p:spPr>
          </p:pic>
          <p:pic>
            <p:nvPicPr>
              <p:cNvPr id="6" name="Graphic 5">
                <a:extLst>
                  <a:ext uri="{FF2B5EF4-FFF2-40B4-BE49-F238E27FC236}">
                    <a16:creationId xmlns:a16="http://schemas.microsoft.com/office/drawing/2014/main" id="{8A97BD1C-ED78-CB41-BD52-FF524E207B2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9"/>
                  </a:ext>
                </a:extLst>
              </a:blip>
              <a:stretch>
                <a:fillRect/>
              </a:stretch>
            </p:blipFill>
            <p:spPr>
              <a:xfrm>
                <a:off x="4350092" y="1253135"/>
                <a:ext cx="2996530" cy="2996530"/>
              </a:xfrm>
              <a:prstGeom prst="rect">
                <a:avLst/>
              </a:prstGeom>
            </p:spPr>
          </p:pic>
          <p:pic>
            <p:nvPicPr>
              <p:cNvPr id="7" name="Graphic 6">
                <a:extLst>
                  <a:ext uri="{FF2B5EF4-FFF2-40B4-BE49-F238E27FC236}">
                    <a16:creationId xmlns:a16="http://schemas.microsoft.com/office/drawing/2014/main" id="{DE916046-A72F-AD47-9FB1-68AD37807C5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0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11"/>
                  </a:ext>
                </a:extLst>
              </a:blip>
              <a:stretch>
                <a:fillRect/>
              </a:stretch>
            </p:blipFill>
            <p:spPr>
              <a:xfrm>
                <a:off x="6259041" y="1253135"/>
                <a:ext cx="2996530" cy="2996530"/>
              </a:xfrm>
              <a:prstGeom prst="rect">
                <a:avLst/>
              </a:prstGeom>
            </p:spPr>
          </p:pic>
        </p:grp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91444" cy="35740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91444" cy="357406"/>
              </a:xfrm>
              <a:prstGeom prst="rect">
                <a:avLst/>
              </a:prstGeom>
              <a:blipFill>
                <a:blip r:embed="rId12"/>
                <a:stretch>
                  <a:fillRect l="-8333" t="-333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blipFill>
                <a:blip r:embed="rId13"/>
                <a:stretch>
                  <a:fillRect l="-8333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blipFill>
                <a:blip r:embed="rId14"/>
                <a:stretch>
                  <a:fillRect l="-10417" t="-3333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blipFill>
                <a:blip r:embed="rId1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4303522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4303522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4303522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4303521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4299273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4299273" y="2091885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6548703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6548703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6548703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6548702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6544454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6544454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8813738" y="3537480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881373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881373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8813737" y="280004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880948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880948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16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3849521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3745326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6076934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5972739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8336343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8232148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93663" y="1644024"/>
            <a:ext cx="458159" cy="6336211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/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blipFill>
                <a:blip r:embed="rId17"/>
                <a:stretch>
                  <a:fillRect l="-631" t="-2128" r="-631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69</Words>
  <Application>Microsoft Macintosh PowerPoint</Application>
  <PresentationFormat>Custom</PresentationFormat>
  <Paragraphs>393</Paragraphs>
  <Slides>37</Slides>
  <Notes>34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7</vt:i4>
      </vt:variant>
    </vt:vector>
  </HeadingPairs>
  <TitlesOfParts>
    <vt:vector size="47" baseType="lpstr">
      <vt:lpstr>AU Peto</vt:lpstr>
      <vt:lpstr>Wingdings 3</vt:lpstr>
      <vt:lpstr>Cambria Math</vt:lpstr>
      <vt:lpstr>Calibri</vt:lpstr>
      <vt:lpstr>Arial</vt:lpstr>
      <vt:lpstr>AU Passata Light</vt:lpstr>
      <vt:lpstr>AU Passata</vt:lpstr>
      <vt:lpstr>Trebuchet MS</vt:lpstr>
      <vt:lpstr>Georgia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PowerPoint Presentation</vt:lpstr>
      <vt:lpstr>PowerPoint Presentation</vt:lpstr>
      <vt:lpstr>Discussion</vt:lpstr>
      <vt:lpstr>Discussion</vt:lpstr>
      <vt:lpstr>Discuss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4-28T09:47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